
<file path=[Content_Types].xml><?xml version="1.0" encoding="utf-8"?>
<Types xmlns="http://schemas.openxmlformats.org/package/2006/content-types">
  <Default Extension="bin" ContentType="image/png"/>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23"/>
  </p:sldMasterIdLst>
  <p:notesMasterIdLst>
    <p:notesMasterId r:id="rId39"/>
  </p:notesMasterIdLst>
  <p:sldIdLst>
    <p:sldId id="3288" r:id="rId24"/>
    <p:sldId id="3290" r:id="rId25"/>
    <p:sldId id="3280" r:id="rId26"/>
    <p:sldId id="3291" r:id="rId27"/>
    <p:sldId id="3284" r:id="rId28"/>
    <p:sldId id="3283" r:id="rId29"/>
    <p:sldId id="3286" r:id="rId30"/>
    <p:sldId id="3285" r:id="rId31"/>
    <p:sldId id="3287" r:id="rId32"/>
    <p:sldId id="3295" r:id="rId33"/>
    <p:sldId id="3296" r:id="rId34"/>
    <p:sldId id="3294" r:id="rId35"/>
    <p:sldId id="3293" r:id="rId36"/>
    <p:sldId id="256" r:id="rId37"/>
    <p:sldId id="3242" r:id="rId38"/>
  </p:sldIdLst>
  <p:sldSz cx="12192000" cy="6858000"/>
  <p:notesSz cx="6858000" cy="9144000"/>
  <p:custDataLst>
    <p:tags r:id="rId40"/>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498DC1"/>
    <a:srgbClr val="EE9E4B"/>
    <a:srgbClr val="C6583F"/>
    <a:srgbClr val="2B823F"/>
    <a:srgbClr val="A42036"/>
    <a:srgbClr val="011236"/>
    <a:srgbClr val="011F16"/>
    <a:srgbClr val="9EC3E1"/>
    <a:srgbClr val="1F538F"/>
    <a:srgbClr val="EAEAEA"/>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8444" autoAdjust="0"/>
    <p:restoredTop sz="94660"/>
  </p:normalViewPr>
  <p:slideViewPr>
    <p:cSldViewPr snapToGrid="0" showGuides="1">
      <p:cViewPr varScale="1">
        <p:scale>
          <a:sx n="64" d="100"/>
          <a:sy n="64" d="100"/>
        </p:scale>
        <p:origin x="424" y="68"/>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3.xml"/><Relationship Id="rId39" Type="http://schemas.openxmlformats.org/officeDocument/2006/relationships/notesMaster" Target="notesMasters/notesMaster1.xml"/><Relationship Id="rId21" Type="http://schemas.openxmlformats.org/officeDocument/2006/relationships/customXml" Target="../customXml/item21.xml"/><Relationship Id="rId34" Type="http://schemas.openxmlformats.org/officeDocument/2006/relationships/slide" Target="slides/slide11.xml"/><Relationship Id="rId42"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6.xml"/><Relationship Id="rId41"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xml"/><Relationship Id="rId32" Type="http://schemas.openxmlformats.org/officeDocument/2006/relationships/slide" Target="slides/slide9.xml"/><Relationship Id="rId37" Type="http://schemas.openxmlformats.org/officeDocument/2006/relationships/slide" Target="slides/slide14.xml"/><Relationship Id="rId40" Type="http://schemas.openxmlformats.org/officeDocument/2006/relationships/tags" Target="tags/tag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Master" Target="slideMasters/slideMaster1.xml"/><Relationship Id="rId28" Type="http://schemas.openxmlformats.org/officeDocument/2006/relationships/slide" Target="slides/slide5.xml"/><Relationship Id="rId36" Type="http://schemas.openxmlformats.org/officeDocument/2006/relationships/slide" Target="slides/slide13.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8.xml"/><Relationship Id="rId44"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4.xml"/><Relationship Id="rId30" Type="http://schemas.openxmlformats.org/officeDocument/2006/relationships/slide" Target="slides/slide7.xml"/><Relationship Id="rId35" Type="http://schemas.openxmlformats.org/officeDocument/2006/relationships/slide" Target="slides/slide12.xml"/><Relationship Id="rId43" Type="http://schemas.openxmlformats.org/officeDocument/2006/relationships/theme" Target="theme/theme1.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2.xml"/><Relationship Id="rId33" Type="http://schemas.openxmlformats.org/officeDocument/2006/relationships/slide" Target="slides/slide10.xml"/><Relationship Id="rId38" Type="http://schemas.openxmlformats.org/officeDocument/2006/relationships/slide" Target="slides/slide15.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DA840C6-1F39-43ED-B27B-1FEC6C3829D7}" type="datetimeFigureOut">
              <a:rPr lang="en-GB" smtClean="0"/>
              <a:t>08/09/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05E21C0D-9E07-4C74-9A59-193F61F62892}" type="slidenum">
              <a:rPr lang="en-GB" smtClean="0"/>
              <a:t>‹#›</a:t>
            </a:fld>
            <a:endParaRPr lang="en-GB"/>
          </a:p>
        </p:txBody>
      </p:sp>
    </p:spTree>
    <p:extLst>
      <p:ext uri="{BB962C8B-B14F-4D97-AF65-F5344CB8AC3E}">
        <p14:creationId xmlns:p14="http://schemas.microsoft.com/office/powerpoint/2010/main" val="217285986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3</a:t>
            </a:fld>
            <a:endParaRPr lang="en-GB"/>
          </a:p>
        </p:txBody>
      </p:sp>
      <p:sp>
        <p:nvSpPr>
          <p:cNvPr id="5" name="Date Placeholder 4"/>
          <p:cNvSpPr>
            <a:spLocks noGrp="1"/>
          </p:cNvSpPr>
          <p:nvPr>
            <p:ph type="dt" idx="1"/>
          </p:nvPr>
        </p:nvSpPr>
        <p:spPr/>
        <p:txBody>
          <a:bodyPr/>
          <a:lstStyle/>
          <a:p>
            <a:fld id="{B8470CD4-B29B-1847-9ED9-8C0CAA5D477B}" type="datetime1">
              <a:rPr lang="en-US"/>
              <a:t>9/8/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03422097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4</a:t>
            </a:fld>
            <a:endParaRPr lang="en-GB"/>
          </a:p>
        </p:txBody>
      </p:sp>
      <p:sp>
        <p:nvSpPr>
          <p:cNvPr id="5" name="Date Placeholder 4"/>
          <p:cNvSpPr>
            <a:spLocks noGrp="1"/>
          </p:cNvSpPr>
          <p:nvPr>
            <p:ph type="dt" idx="1"/>
          </p:nvPr>
        </p:nvSpPr>
        <p:spPr/>
        <p:txBody>
          <a:bodyPr/>
          <a:lstStyle/>
          <a:p>
            <a:fld id="{B8470CD4-B29B-1847-9ED9-8C0CAA5D477B}" type="datetime1">
              <a:rPr lang="en-US"/>
              <a:t>9/8/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46507358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5</a:t>
            </a:fld>
            <a:endParaRPr lang="en-GB"/>
          </a:p>
        </p:txBody>
      </p:sp>
      <p:sp>
        <p:nvSpPr>
          <p:cNvPr id="5" name="Date Placeholder 4"/>
          <p:cNvSpPr>
            <a:spLocks noGrp="1"/>
          </p:cNvSpPr>
          <p:nvPr>
            <p:ph type="dt" idx="1"/>
          </p:nvPr>
        </p:nvSpPr>
        <p:spPr/>
        <p:txBody>
          <a:bodyPr/>
          <a:lstStyle/>
          <a:p>
            <a:fld id="{B8470CD4-B29B-1847-9ED9-8C0CAA5D477B}" type="datetime1">
              <a:rPr lang="en-US"/>
              <a:t>9/8/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7694692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6</a:t>
            </a:fld>
            <a:endParaRPr lang="en-GB"/>
          </a:p>
        </p:txBody>
      </p:sp>
      <p:sp>
        <p:nvSpPr>
          <p:cNvPr id="5" name="Date Placeholder 4"/>
          <p:cNvSpPr>
            <a:spLocks noGrp="1"/>
          </p:cNvSpPr>
          <p:nvPr>
            <p:ph type="dt" idx="1"/>
          </p:nvPr>
        </p:nvSpPr>
        <p:spPr/>
        <p:txBody>
          <a:bodyPr/>
          <a:lstStyle/>
          <a:p>
            <a:fld id="{B8470CD4-B29B-1847-9ED9-8C0CAA5D477B}" type="datetime1">
              <a:rPr lang="en-US"/>
              <a:t>9/8/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604406968"/>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7</a:t>
            </a:fld>
            <a:endParaRPr lang="en-GB"/>
          </a:p>
        </p:txBody>
      </p:sp>
      <p:sp>
        <p:nvSpPr>
          <p:cNvPr id="5" name="Date Placeholder 4"/>
          <p:cNvSpPr>
            <a:spLocks noGrp="1"/>
          </p:cNvSpPr>
          <p:nvPr>
            <p:ph type="dt" idx="1"/>
          </p:nvPr>
        </p:nvSpPr>
        <p:spPr/>
        <p:txBody>
          <a:bodyPr/>
          <a:lstStyle/>
          <a:p>
            <a:fld id="{B8470CD4-B29B-1847-9ED9-8C0CAA5D477B}" type="datetime1">
              <a:rPr lang="en-US"/>
              <a:t>9/8/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048288356"/>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8</a:t>
            </a:fld>
            <a:endParaRPr lang="en-GB"/>
          </a:p>
        </p:txBody>
      </p:sp>
      <p:sp>
        <p:nvSpPr>
          <p:cNvPr id="5" name="Date Placeholder 4"/>
          <p:cNvSpPr>
            <a:spLocks noGrp="1"/>
          </p:cNvSpPr>
          <p:nvPr>
            <p:ph type="dt" idx="1"/>
          </p:nvPr>
        </p:nvSpPr>
        <p:spPr/>
        <p:txBody>
          <a:bodyPr/>
          <a:lstStyle/>
          <a:p>
            <a:fld id="{B8470CD4-B29B-1847-9ED9-8C0CAA5D477B}" type="datetime1">
              <a:rPr lang="en-US"/>
              <a:t>9/8/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807776595"/>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a:pPr/>
              <a:t>9</a:t>
            </a:fld>
            <a:endParaRPr lang="en-GB"/>
          </a:p>
        </p:txBody>
      </p:sp>
      <p:sp>
        <p:nvSpPr>
          <p:cNvPr id="5" name="Date Placeholder 4"/>
          <p:cNvSpPr>
            <a:spLocks noGrp="1"/>
          </p:cNvSpPr>
          <p:nvPr>
            <p:ph type="dt" idx="1"/>
          </p:nvPr>
        </p:nvSpPr>
        <p:spPr/>
        <p:txBody>
          <a:bodyPr/>
          <a:lstStyle/>
          <a:p>
            <a:fld id="{B8470CD4-B29B-1847-9ED9-8C0CAA5D477B}" type="datetime1">
              <a:rPr lang="en-US"/>
              <a:t>9/8/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35307537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2E7D2F9E-D167-4ED3-83EC-AE46EA34BEC3}" type="slidenum">
              <a:rPr lang="en-US"/>
              <a:pPr/>
              <a:t>14</a:t>
            </a:fld>
            <a:endParaRPr lang="en-US" dirty="0"/>
          </a:p>
        </p:txBody>
      </p:sp>
    </p:spTree>
    <p:extLst>
      <p:ext uri="{BB962C8B-B14F-4D97-AF65-F5344CB8AC3E}">
        <p14:creationId xmlns:p14="http://schemas.microsoft.com/office/powerpoint/2010/main" val="74494908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5</a:t>
            </a:fld>
            <a:endParaRPr lang="en-GB"/>
          </a:p>
        </p:txBody>
      </p:sp>
      <p:sp>
        <p:nvSpPr>
          <p:cNvPr id="5" name="Date Placeholder 4"/>
          <p:cNvSpPr>
            <a:spLocks noGrp="1"/>
          </p:cNvSpPr>
          <p:nvPr>
            <p:ph type="dt" idx="1"/>
          </p:nvPr>
        </p:nvSpPr>
        <p:spPr/>
        <p:txBody>
          <a:bodyPr/>
          <a:lstStyle/>
          <a:p>
            <a:fld id="{B8470CD4-B29B-1847-9ED9-8C0CAA5D477B}" type="datetime1">
              <a:rPr lang="en-US" smtClean="0"/>
              <a:t>9/8/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81159272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 Id="rId5" Type="http://schemas.openxmlformats.org/officeDocument/2006/relationships/image" Target="../media/image3.png"/><Relationship Id="rId4" Type="http://schemas.openxmlformats.org/officeDocument/2006/relationships/image" Target="../media/image2.svg"/></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39.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40.xml"/><Relationship Id="rId4" Type="http://schemas.openxmlformats.org/officeDocument/2006/relationships/image" Target="../media/image9.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4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42.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7.xml"/></Relationships>
</file>

<file path=ppt/slideLayouts/_rels/slideLayout4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8.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49.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50.xml"/></Relationships>
</file>

<file path=ppt/slideLayouts/_rels/slideLayout4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1.xml"/></Relationships>
</file>

<file path=ppt/slideLayouts/_rels/slideLayout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A with Shield">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1B16BA09-5E0E-9342-7B5F-208FB49230F8}"/>
              </a:ext>
            </a:extLst>
          </p:cNvPr>
          <p:cNvPicPr>
            <a:picLocks noChangeAspect="1"/>
          </p:cNvPicPr>
          <p:nvPr userDrawn="1"/>
        </p:nvPicPr>
        <p:blipFill>
          <a:blip r:embed="rId3">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4" name="Background">
            <a:extLst>
              <a:ext uri="{FF2B5EF4-FFF2-40B4-BE49-F238E27FC236}">
                <a16:creationId xmlns:a16="http://schemas.microsoft.com/office/drawing/2014/main" id="{839A0678-D339-25B7-6999-A7B668AB1E90}"/>
              </a:ext>
            </a:extLst>
          </p:cNvPr>
          <p:cNvSpPr/>
          <p:nvPr userDrawn="1"/>
        </p:nvSpPr>
        <p:spPr>
          <a:xfrm>
            <a:off x="0" y="0"/>
            <a:ext cx="12191999" cy="6858000"/>
          </a:xfrm>
          <a:prstGeom prst="rect">
            <a:avLst/>
          </a:prstGeom>
          <a:gradFill>
            <a:gsLst>
              <a:gs pos="11000">
                <a:schemeClr val="bg1">
                  <a:alpha val="0"/>
                </a:schemeClr>
              </a:gs>
              <a:gs pos="51000">
                <a:schemeClr val="bg1"/>
              </a:gs>
            </a:gsLst>
            <a:lin ang="72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37769" y="3160800"/>
            <a:ext cx="10733505" cy="1782000"/>
          </a:xfrm>
        </p:spPr>
        <p:txBody>
          <a:bodyPr anchor="t" anchorCtr="0">
            <a:noAutofit/>
          </a:bodyPr>
          <a:lstStyle>
            <a:lvl1pPr algn="l">
              <a:defRPr sz="4800">
                <a:solidFill>
                  <a:schemeClr val="tx2"/>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2000" b="1" cap="all" spc="200" baseline="0">
                <a:solidFill>
                  <a:schemeClr val="accent3"/>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6008400"/>
            <a:ext cx="5195025" cy="180000"/>
          </a:xfrm>
        </p:spPr>
        <p:txBody>
          <a:bodyPr/>
          <a:lstStyle>
            <a:lvl1pPr>
              <a:defRPr sz="1000">
                <a:solidFill>
                  <a:schemeClr val="tx2"/>
                </a:solidFill>
              </a:defRPr>
            </a:lvl1pPr>
          </a:lstStyle>
          <a:p>
            <a:fld id="{99F3C3B1-E744-2D4A-B45F-4BF5FA2A69D2}" type="datetime4">
              <a:rPr lang="en-US" smtClean="0"/>
              <a:t>September 8,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725"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pic>
        <p:nvPicPr>
          <p:cNvPr id="1075133346" name="Picture 7" descr="{&quot;templafy&quot;:{&quot;id&quot;:&quot;30901234-f399-4a94-9bd1-5eabdf747fc7&quot;}}"/>
          <p:cNvPicPr>
            <a:picLocks noChangeAspect="1"/>
          </p:cNvPicPr>
          <p:nvPr/>
        </p:nvPicPr>
        <p:blipFill>
          <a:blip r:embed="rId5"/>
          <a:stretch>
            <a:fillRect/>
          </a:stretch>
        </p:blipFill>
        <p:spPr>
          <a:xfrm>
            <a:off x="730799" y="699175"/>
            <a:ext cx="4322438" cy="725487"/>
          </a:xfrm>
          <a:prstGeom prst="rect">
            <a:avLst/>
          </a:prstGeom>
        </p:spPr>
      </p:pic>
    </p:spTree>
    <p:extLst>
      <p:ext uri="{BB962C8B-B14F-4D97-AF65-F5344CB8AC3E}">
        <p14:creationId xmlns:p14="http://schemas.microsoft.com/office/powerpoint/2010/main" val="3322638505"/>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type="secHead" preserve="1">
  <p:cSld name="Breaker E">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tx2"/>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04512788-2674-6842-9B9B-D1040F4BD1BF}" type="datetime4">
              <a:rPr lang="en-US" smtClean="0"/>
              <a:t>September 8,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5CB14299-9B5F-BF3A-D63A-A282BCE062E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5b4eea74-9d13-4e44-9b2c-0f08819b6c97&quot;}}">
            <a:extLst>
              <a:ext uri="{FF2B5EF4-FFF2-40B4-BE49-F238E27FC236}">
                <a16:creationId xmlns:a16="http://schemas.microsoft.com/office/drawing/2014/main" id="{F9DD6C23-C8F9-1547-9614-BEBD6DAFD0D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419005496"/>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type="secHead" preserve="1">
  <p:cSld name="Breaker F">
    <p:bg>
      <p:bgPr>
        <a:solidFill>
          <a:schemeClr val="accent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bg1"/>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64F41AB9-723A-BF48-918F-BED912EC13C8}" type="datetime4">
              <a:rPr lang="en-US" smtClean="0"/>
              <a:t>September 8,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82F1C1D4-A570-C8D4-71E4-37223819B6F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32a703fa-8259-4557-962d-ab582f2249cc&quot;}}">
            <a:extLst>
              <a:ext uri="{FF2B5EF4-FFF2-40B4-BE49-F238E27FC236}">
                <a16:creationId xmlns:a16="http://schemas.microsoft.com/office/drawing/2014/main" id="{EBCD5668-E220-BAC0-653D-1464F201089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560272308"/>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type="secHead" preserve="1">
  <p:cSld name="Breaker G">
    <p:bg>
      <p:bgPr>
        <a:solidFill>
          <a:schemeClr val="accent4">
            <a:lumMod val="40000"/>
            <a:lumOff val="6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4"/>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9CADB1CD-0670-D442-B219-2C5ACFFFF9DE}" type="datetime4">
              <a:rPr lang="en-US" smtClean="0"/>
              <a:t>September 8,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7CD447B1-6CDF-7A26-7C65-539832BE142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78e4b136-0ecb-418f-b7bb-760dc4515bda&quot;}}">
            <a:extLst>
              <a:ext uri="{FF2B5EF4-FFF2-40B4-BE49-F238E27FC236}">
                <a16:creationId xmlns:a16="http://schemas.microsoft.com/office/drawing/2014/main" id="{91EF78B0-9F03-F314-B042-2A9C780D80D5}"/>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388349347"/>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10752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BE8B2AD7-A58B-B94F-85FE-E794175C7E83}" type="datetime4">
              <a:rPr lang="en-US" noProof="0" smtClean="0"/>
              <a:t>September 8,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466101650"/>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Subhead and 1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6B761CCD-5C71-7A4A-8F5D-6B26D9394AB4}" type="datetime4">
              <a:rPr lang="en-US" noProof="0" smtClean="0"/>
              <a:t>September 8,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1075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10753724" cy="561600"/>
          </a:xfrm>
        </p:spPr>
        <p:txBody>
          <a:bodyPr/>
          <a:lstStyle/>
          <a:p>
            <a:endParaRPr lang="en-GB" dirty="0"/>
          </a:p>
        </p:txBody>
      </p:sp>
    </p:spTree>
    <p:extLst>
      <p:ext uri="{BB962C8B-B14F-4D97-AF65-F5344CB8AC3E}">
        <p14:creationId xmlns:p14="http://schemas.microsoft.com/office/powerpoint/2010/main" val="2783007024"/>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8771BA-DEC6-F3CD-0966-439080AF1576}"/>
              </a:ext>
            </a:extLst>
          </p:cNvPr>
          <p:cNvSpPr>
            <a:spLocks noGrp="1"/>
          </p:cNvSpPr>
          <p:nvPr>
            <p:ph type="title"/>
          </p:nvPr>
        </p:nvSpPr>
        <p:spPr>
          <a:xfrm>
            <a:off x="719138" y="720000"/>
            <a:ext cx="10753724" cy="561600"/>
          </a:xfrm>
        </p:spPr>
        <p:txBody>
          <a:bodyPr/>
          <a:lstStyle/>
          <a:p>
            <a:endParaRPr lang="en-GB" dirty="0"/>
          </a:p>
        </p:txBody>
      </p:sp>
      <p:sp>
        <p:nvSpPr>
          <p:cNvPr id="3" name="Date Placeholder 2">
            <a:extLst>
              <a:ext uri="{FF2B5EF4-FFF2-40B4-BE49-F238E27FC236}">
                <a16:creationId xmlns:a16="http://schemas.microsoft.com/office/drawing/2014/main" id="{FD54B0AC-EFAA-1FCE-1F40-2E60B6B6702F}"/>
              </a:ext>
            </a:extLst>
          </p:cNvPr>
          <p:cNvSpPr>
            <a:spLocks noGrp="1"/>
          </p:cNvSpPr>
          <p:nvPr>
            <p:ph type="dt" sz="half" idx="10"/>
          </p:nvPr>
        </p:nvSpPr>
        <p:spPr/>
        <p:txBody>
          <a:bodyPr/>
          <a:lstStyle/>
          <a:p>
            <a:fld id="{9542A3E1-5A7C-9D48-8D77-D109D8F58155}" type="datetime4">
              <a:rPr lang="en-US" noProof="0" smtClean="0"/>
              <a:t>September 8, 2023</a:t>
            </a:fld>
            <a:endParaRPr lang="en-US" noProof="0"/>
          </a:p>
        </p:txBody>
      </p:sp>
      <p:sp>
        <p:nvSpPr>
          <p:cNvPr id="4" name="Slide Number Placeholder 3">
            <a:extLst>
              <a:ext uri="{FF2B5EF4-FFF2-40B4-BE49-F238E27FC236}">
                <a16:creationId xmlns:a16="http://schemas.microsoft.com/office/drawing/2014/main" id="{BCC6BC50-3655-09A2-54D0-991FCCB4D17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Text Placeholder 8">
            <a:extLst>
              <a:ext uri="{FF2B5EF4-FFF2-40B4-BE49-F238E27FC236}">
                <a16:creationId xmlns:a16="http://schemas.microsoft.com/office/drawing/2014/main" id="{98E7446D-1AC7-A43F-ADC3-99ABFBDE93F6}"/>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Guides" hidden="1">
            <a:extLst>
              <a:ext uri="{FF2B5EF4-FFF2-40B4-BE49-F238E27FC236}">
                <a16:creationId xmlns:a16="http://schemas.microsoft.com/office/drawing/2014/main" id="{C47EC7B5-5579-B015-84D6-CEA96A4D5E9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585974977"/>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86CF56-797D-76D1-938F-9E4AB58EBE90}"/>
              </a:ext>
            </a:extLst>
          </p:cNvPr>
          <p:cNvSpPr>
            <a:spLocks noGrp="1"/>
          </p:cNvSpPr>
          <p:nvPr>
            <p:ph type="title"/>
          </p:nvPr>
        </p:nvSpPr>
        <p:spPr/>
        <p:txBody>
          <a:bodyPr/>
          <a:lstStyle/>
          <a:p>
            <a:endParaRPr lang="en-GB" dirty="0"/>
          </a:p>
        </p:txBody>
      </p:sp>
      <p:sp>
        <p:nvSpPr>
          <p:cNvPr id="3" name="Date Placeholder 2">
            <a:extLst>
              <a:ext uri="{FF2B5EF4-FFF2-40B4-BE49-F238E27FC236}">
                <a16:creationId xmlns:a16="http://schemas.microsoft.com/office/drawing/2014/main" id="{CA6DD9D7-320B-688A-C7E1-3A0DA32461F1}"/>
              </a:ext>
            </a:extLst>
          </p:cNvPr>
          <p:cNvSpPr>
            <a:spLocks noGrp="1"/>
          </p:cNvSpPr>
          <p:nvPr>
            <p:ph type="dt" sz="half" idx="10"/>
          </p:nvPr>
        </p:nvSpPr>
        <p:spPr/>
        <p:txBody>
          <a:bodyPr/>
          <a:lstStyle/>
          <a:p>
            <a:fld id="{1BD75387-D4E7-8D44-AC57-90559E1D50C6}" type="datetime4">
              <a:rPr lang="en-US" noProof="0" smtClean="0"/>
              <a:t>September 8, 2023</a:t>
            </a:fld>
            <a:endParaRPr lang="en-US" noProof="0"/>
          </a:p>
        </p:txBody>
      </p:sp>
      <p:sp>
        <p:nvSpPr>
          <p:cNvPr id="4" name="Slide Number Placeholder 3">
            <a:extLst>
              <a:ext uri="{FF2B5EF4-FFF2-40B4-BE49-F238E27FC236}">
                <a16:creationId xmlns:a16="http://schemas.microsoft.com/office/drawing/2014/main" id="{30508826-EFB1-9253-4DD9-529D28A14BB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65832291-D52E-BC28-A4EE-FF28DF7F69C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176193903"/>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type="obj" preserve="1">
  <p:cSld name="Two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25826CD-C8F5-7B41-B54C-D8EA3F21C4CC}" type="datetime4">
              <a:rPr lang="en-US" noProof="0" smtClean="0"/>
              <a:t>September 8,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713599"/>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878937572"/>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lumn Content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225DD426-AAE1-694B-8458-9EFAF930BCFB}" type="datetime4">
              <a:rPr lang="en-US" noProof="0" smtClean="0"/>
              <a:t>September 8,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Tree>
    <p:extLst>
      <p:ext uri="{BB962C8B-B14F-4D97-AF65-F5344CB8AC3E}">
        <p14:creationId xmlns:p14="http://schemas.microsoft.com/office/powerpoint/2010/main" val="1297066995"/>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4AFF6002-6A83-B44C-A898-CF6815AF6154}" type="datetime4">
              <a:rPr lang="en-US" noProof="0" smtClean="0"/>
              <a:t>September 8,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4422775"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8128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870705614"/>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B with Shield">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4CDB109-2703-E004-DAD3-0A9F90171FAF}"/>
              </a:ext>
            </a:extLst>
          </p:cNvPr>
          <p:cNvPicPr>
            <a:picLocks noChangeAspect="1"/>
          </p:cNvPicPr>
          <p:nvPr userDrawn="1"/>
        </p:nvPicPr>
        <p:blipFill>
          <a:blip r:embed="rId3">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5" name="Rectangle 4">
            <a:extLst>
              <a:ext uri="{FF2B5EF4-FFF2-40B4-BE49-F238E27FC236}">
                <a16:creationId xmlns:a16="http://schemas.microsoft.com/office/drawing/2014/main" id="{4EC7E38D-B81D-FC40-15B1-DC990195C275}"/>
              </a:ext>
            </a:extLst>
          </p:cNvPr>
          <p:cNvSpPr/>
          <p:nvPr userDrawn="1"/>
        </p:nvSpPr>
        <p:spPr>
          <a:xfrm rot="10800000">
            <a:off x="-1" y="-1"/>
            <a:ext cx="12178055" cy="6857999"/>
          </a:xfrm>
          <a:prstGeom prst="rect">
            <a:avLst/>
          </a:prstGeom>
          <a:gradFill flip="none" rotWithShape="1">
            <a:gsLst>
              <a:gs pos="94000">
                <a:schemeClr val="accent3"/>
              </a:gs>
              <a:gs pos="0">
                <a:schemeClr val="accent1">
                  <a:alpha val="0"/>
                </a:schemeClr>
              </a:gs>
              <a:gs pos="71000">
                <a:srgbClr val="15417F"/>
              </a:gs>
              <a:gs pos="43000">
                <a:schemeClr val="accent1">
                  <a:alpha val="96549"/>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160800"/>
            <a:ext cx="10733505" cy="1782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20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6008400"/>
            <a:ext cx="5195025" cy="180000"/>
          </a:xfrm>
        </p:spPr>
        <p:txBody>
          <a:bodyPr/>
          <a:lstStyle>
            <a:lvl1pPr>
              <a:defRPr sz="1000">
                <a:solidFill>
                  <a:schemeClr val="bg1"/>
                </a:solidFill>
              </a:defRPr>
            </a:lvl1pPr>
          </a:lstStyle>
          <a:p>
            <a:fld id="{A56F8800-1B76-A244-A1CE-F2872CD859F6}" type="datetime4">
              <a:rPr lang="en-US" smtClean="0"/>
              <a:t>September 8,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714908128" name="Picture 5" descr="{&quot;templafy&quot;:{&quot;id&quot;:&quot;727798fb-93ec-4ae5-a5bd-5308d7c40665&quot;}}"/>
          <p:cNvPicPr>
            <a:picLocks noChangeAspect="1"/>
          </p:cNvPicPr>
          <p:nvPr/>
        </p:nvPicPr>
        <p:blipFill>
          <a:blip r:embed="rId5"/>
          <a:stretch>
            <a:fillRect/>
          </a:stretch>
        </p:blipFill>
        <p:spPr>
          <a:xfrm>
            <a:off x="737770" y="702906"/>
            <a:ext cx="4322438" cy="725487"/>
          </a:xfrm>
          <a:prstGeom prst="rect">
            <a:avLst/>
          </a:prstGeom>
        </p:spPr>
      </p:pic>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554870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7400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Tree>
    <p:extLst>
      <p:ext uri="{BB962C8B-B14F-4D97-AF65-F5344CB8AC3E}">
        <p14:creationId xmlns:p14="http://schemas.microsoft.com/office/powerpoint/2010/main" val="224356727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4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47C7914-EB71-1344-8035-801EC7A226B1}" type="datetime4">
              <a:rPr lang="en-US" noProof="0" smtClean="0"/>
              <a:t>September 8,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3498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6275999"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Content Placeholder 2">
            <a:extLst>
              <a:ext uri="{FF2B5EF4-FFF2-40B4-BE49-F238E27FC236}">
                <a16:creationId xmlns:a16="http://schemas.microsoft.com/office/drawing/2014/main" id="{8B5911BE-8839-F336-D549-40F51B1053D4}"/>
              </a:ext>
            </a:extLst>
          </p:cNvPr>
          <p:cNvSpPr>
            <a:spLocks noGrp="1"/>
          </p:cNvSpPr>
          <p:nvPr>
            <p:ph idx="15" hasCustomPrompt="1"/>
          </p:nvPr>
        </p:nvSpPr>
        <p:spPr>
          <a:xfrm>
            <a:off x="9053275"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353306232"/>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REPORT 2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B998AA1-88E8-6143-B175-96E13C93E6F4}" type="datetime4">
              <a:rPr lang="en-US" noProof="0" smtClean="0"/>
              <a:t>September 8,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3502800" y="720000"/>
            <a:ext cx="79704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2415600" cy="2530800"/>
          </a:xfrm>
        </p:spPr>
        <p:txBody>
          <a:bodyPr/>
          <a:lstStyle/>
          <a:p>
            <a:endParaRPr lang="en-GB" dirty="0"/>
          </a:p>
        </p:txBody>
      </p:sp>
      <p:sp>
        <p:nvSpPr>
          <p:cNvPr id="4" name="Content Placeholder 3">
            <a:extLst>
              <a:ext uri="{FF2B5EF4-FFF2-40B4-BE49-F238E27FC236}">
                <a16:creationId xmlns:a16="http://schemas.microsoft.com/office/drawing/2014/main" id="{B09FEC81-69D3-F091-6AAB-584372D2CDCA}"/>
              </a:ext>
            </a:extLst>
          </p:cNvPr>
          <p:cNvSpPr>
            <a:spLocks noGrp="1"/>
          </p:cNvSpPr>
          <p:nvPr>
            <p:ph sz="quarter" idx="14" hasCustomPrompt="1"/>
          </p:nvPr>
        </p:nvSpPr>
        <p:spPr>
          <a:xfrm>
            <a:off x="719138" y="3556000"/>
            <a:ext cx="2416175" cy="2581275"/>
          </a:xfrm>
        </p:spPr>
        <p:txBody>
          <a:bodyPr/>
          <a:lstStyle>
            <a:lvl1pPr>
              <a:defRPr sz="4000" cap="all" baseline="0">
                <a:solidFill>
                  <a:srgbClr val="9EC3E1"/>
                </a:solidFill>
              </a:defRPr>
            </a:lvl1pPr>
          </a:lstStyle>
          <a:p>
            <a:pPr lvl="0"/>
            <a:r>
              <a:rPr lang="en-US" dirty="0"/>
              <a:t>Callout or stat</a:t>
            </a:r>
            <a:endParaRPr lang="en-GB" dirty="0"/>
          </a:p>
        </p:txBody>
      </p:sp>
    </p:spTree>
    <p:extLst>
      <p:ext uri="{BB962C8B-B14F-4D97-AF65-F5344CB8AC3E}">
        <p14:creationId xmlns:p14="http://schemas.microsoft.com/office/powerpoint/2010/main" val="2246113426"/>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2251"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2047"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idebar,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840120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CA9EC74F-C224-F448-84E7-EE9ED0C767CE}" type="datetime4">
              <a:rPr lang="en-US" noProof="0" smtClean="0"/>
              <a:t>September 8,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8787261" y="720000"/>
            <a:ext cx="2680837"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Footers" descr="{&quot;templafy&quot;:{&quot;id&quot;:&quot;f6daa306-ad96-40f4-82cd-fef5cf89adf4&quot;}}">
            <a:extLst>
              <a:ext uri="{FF2B5EF4-FFF2-40B4-BE49-F238E27FC236}">
                <a16:creationId xmlns:a16="http://schemas.microsoft.com/office/drawing/2014/main" id="{1730DDFB-184E-CE5B-13B1-2A6F3A06ACE8}"/>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156462968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idebar, Lef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2F882475-1BB6-F24B-B5A3-07BAA73B5F18}" type="datetime4">
              <a:rPr lang="en-US" noProof="0" smtClean="0"/>
              <a:t>September 8,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44244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44244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4424400"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720000" y="720000"/>
            <a:ext cx="24192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51510678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ent Left - Photo Right">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614FC3F-8ED6-0751-6C51-3B2BEC1277DD}"/>
              </a:ext>
            </a:extLst>
          </p:cNvPr>
          <p:cNvSpPr>
            <a:spLocks noGrp="1"/>
          </p:cNvSpPr>
          <p:nvPr>
            <p:ph type="pic" sz="quarter" idx="14"/>
          </p:nvPr>
        </p:nvSpPr>
        <p:spPr>
          <a:xfrm>
            <a:off x="720090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6A1E3D4-D950-5D45-AB79-D54814BCF01F}" type="datetime4">
              <a:rPr lang="en-US" noProof="0" smtClean="0"/>
              <a:t>September 8,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6122000" cy="561600"/>
          </a:xfrm>
        </p:spPr>
        <p:txBody>
          <a:bodyPr/>
          <a:lstStyle/>
          <a:p>
            <a:endParaRPr lang="en-GB" dirty="0"/>
          </a:p>
        </p:txBody>
      </p:sp>
      <p:sp>
        <p:nvSpPr>
          <p:cNvPr id="4" name="Footers" descr="{&quot;templafy&quot;:{&quot;id&quot;:&quot;fe8e1a07-4725-46e9-b27d-111515b6a4b0&quot;}}">
            <a:extLst>
              <a:ext uri="{FF2B5EF4-FFF2-40B4-BE49-F238E27FC236}">
                <a16:creationId xmlns:a16="http://schemas.microsoft.com/office/drawing/2014/main" id="{F9EC4DD8-B03D-E94C-E682-0A9B26DCBF8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4092619915"/>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hoto Left - Content Right">
    <p:spTree>
      <p:nvGrpSpPr>
        <p:cNvPr id="1" name=""/>
        <p:cNvGrpSpPr/>
        <p:nvPr/>
      </p:nvGrpSpPr>
      <p:grpSpPr>
        <a:xfrm>
          <a:off x="0" y="0"/>
          <a:ext cx="0" cy="0"/>
          <a:chOff x="0" y="0"/>
          <a:chExt cx="0" cy="0"/>
        </a:xfrm>
      </p:grpSpPr>
      <p:sp>
        <p:nvSpPr>
          <p:cNvPr id="5" name="Picture Placeholder 6">
            <a:extLst>
              <a:ext uri="{FF2B5EF4-FFF2-40B4-BE49-F238E27FC236}">
                <a16:creationId xmlns:a16="http://schemas.microsoft.com/office/drawing/2014/main" id="{C0E66B85-A497-806D-1EDC-07151561F037}"/>
              </a:ext>
            </a:extLst>
          </p:cNvPr>
          <p:cNvSpPr>
            <a:spLocks noGrp="1"/>
          </p:cNvSpPr>
          <p:nvPr>
            <p:ph type="pic" sz="quarter" idx="14"/>
          </p:nvPr>
        </p:nvSpPr>
        <p:spPr>
          <a:xfrm>
            <a:off x="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149EB574-D334-1445-83E2-890C9F6FAB41}" type="datetime4">
              <a:rPr lang="en-US" noProof="0" smtClean="0"/>
              <a:t>September 8,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5349275"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5349275"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5349275" y="720000"/>
            <a:ext cx="6122000" cy="561600"/>
          </a:xfrm>
        </p:spPr>
        <p:txBody>
          <a:bodyPr/>
          <a:lstStyle/>
          <a:p>
            <a:endParaRPr lang="en-GB" dirty="0"/>
          </a:p>
        </p:txBody>
      </p:sp>
    </p:spTree>
    <p:extLst>
      <p:ext uri="{BB962C8B-B14F-4D97-AF65-F5344CB8AC3E}">
        <p14:creationId xmlns:p14="http://schemas.microsoft.com/office/powerpoint/2010/main" val="3611461125"/>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REPORT 3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57D76C0-5C22-E359-CE79-F004D2181106}"/>
              </a:ext>
            </a:extLst>
          </p:cNvPr>
          <p:cNvSpPr/>
          <p:nvPr userDrawn="1"/>
        </p:nvSpPr>
        <p:spPr>
          <a:xfrm>
            <a:off x="0" y="0"/>
            <a:ext cx="5911200" cy="6858000"/>
          </a:xfrm>
          <a:prstGeom prst="rect">
            <a:avLst/>
          </a:prstGeom>
          <a:gradFill>
            <a:gsLst>
              <a:gs pos="60000">
                <a:schemeClr val="accent1"/>
              </a:gs>
              <a:gs pos="86000">
                <a:srgbClr val="1F538F"/>
              </a:gs>
              <a:gs pos="100000">
                <a:schemeClr val="accent3"/>
              </a:gs>
            </a:gsLst>
            <a:lin ang="81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97D25064-9302-E547-BFE6-DA59301D1DD0}" type="datetime4">
              <a:rPr lang="en-US" smtClean="0"/>
              <a:t>September 8,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629600" cy="2530800"/>
          </a:xfrm>
        </p:spPr>
        <p:txBody>
          <a:bodyPr/>
          <a:lstStyle>
            <a:lvl1pPr>
              <a:defRPr>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1" name="Content Placeholder 13">
            <a:extLst>
              <a:ext uri="{FF2B5EF4-FFF2-40B4-BE49-F238E27FC236}">
                <a16:creationId xmlns:a16="http://schemas.microsoft.com/office/drawing/2014/main" id="{8629CEFB-CC46-A8B8-01A0-9FC67CBA2F49}"/>
              </a:ext>
            </a:extLst>
          </p:cNvPr>
          <p:cNvSpPr>
            <a:spLocks noGrp="1"/>
          </p:cNvSpPr>
          <p:nvPr>
            <p:ph sz="quarter" idx="25" hasCustomPrompt="1"/>
          </p:nvPr>
        </p:nvSpPr>
        <p:spPr>
          <a:xfrm>
            <a:off x="906275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2" name="Content Placeholder 13">
            <a:extLst>
              <a:ext uri="{FF2B5EF4-FFF2-40B4-BE49-F238E27FC236}">
                <a16:creationId xmlns:a16="http://schemas.microsoft.com/office/drawing/2014/main" id="{277AD4A9-73AA-FC1E-DFE4-E50DD96AC8A9}"/>
              </a:ext>
            </a:extLst>
          </p:cNvPr>
          <p:cNvSpPr>
            <a:spLocks noGrp="1"/>
          </p:cNvSpPr>
          <p:nvPr>
            <p:ph sz="quarter" idx="26" hasCustomPrompt="1"/>
          </p:nvPr>
        </p:nvSpPr>
        <p:spPr>
          <a:xfrm>
            <a:off x="628080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3" name="Content Placeholder 13">
            <a:extLst>
              <a:ext uri="{FF2B5EF4-FFF2-40B4-BE49-F238E27FC236}">
                <a16:creationId xmlns:a16="http://schemas.microsoft.com/office/drawing/2014/main" id="{50F43CDD-BB71-2518-2700-3FC4FD0DB8F2}"/>
              </a:ext>
            </a:extLst>
          </p:cNvPr>
          <p:cNvSpPr>
            <a:spLocks noGrp="1"/>
          </p:cNvSpPr>
          <p:nvPr>
            <p:ph sz="quarter" idx="27" hasCustomPrompt="1"/>
          </p:nvPr>
        </p:nvSpPr>
        <p:spPr>
          <a:xfrm>
            <a:off x="906275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9138" y="3610800"/>
            <a:ext cx="46296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379728241"/>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2047"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227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REPORT 5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41387838-2DA5-9147-B704-5F7BAA1D40F6}" type="datetime4">
              <a:rPr lang="en-US" smtClean="0"/>
              <a:t>September 8,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417762" cy="2530800"/>
          </a:xfrm>
        </p:spPr>
        <p:txBody>
          <a:bodyPr/>
          <a:lstStyle/>
          <a:p>
            <a:r>
              <a:rPr lang="en-US" dirty="0"/>
              <a:t>Click to edit Master title style</a:t>
            </a:r>
            <a:endParaRPr lang="en-GB" dirty="0"/>
          </a:p>
        </p:txBody>
      </p:sp>
      <p:sp>
        <p:nvSpPr>
          <p:cNvPr id="16" name="Content Placeholder 15">
            <a:extLst>
              <a:ext uri="{FF2B5EF4-FFF2-40B4-BE49-F238E27FC236}">
                <a16:creationId xmlns:a16="http://schemas.microsoft.com/office/drawing/2014/main" id="{AAC1FBFE-B73D-7F3E-861B-16D1159B45C4}"/>
              </a:ext>
            </a:extLst>
          </p:cNvPr>
          <p:cNvSpPr>
            <a:spLocks noGrp="1"/>
          </p:cNvSpPr>
          <p:nvPr>
            <p:ph sz="quarter" idx="12"/>
          </p:nvPr>
        </p:nvSpPr>
        <p:spPr>
          <a:xfrm>
            <a:off x="720000" y="3607199"/>
            <a:ext cx="5195025" cy="25308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9" name="Content Placeholder 17">
            <a:extLst>
              <a:ext uri="{FF2B5EF4-FFF2-40B4-BE49-F238E27FC236}">
                <a16:creationId xmlns:a16="http://schemas.microsoft.com/office/drawing/2014/main" id="{C93BC420-F68F-9B1C-F5A8-F0BAD3B826C1}"/>
              </a:ext>
            </a:extLst>
          </p:cNvPr>
          <p:cNvSpPr>
            <a:spLocks noGrp="1"/>
          </p:cNvSpPr>
          <p:nvPr>
            <p:ph sz="quarter" idx="14"/>
          </p:nvPr>
        </p:nvSpPr>
        <p:spPr>
          <a:xfrm>
            <a:off x="6275387"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6275387"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510847988"/>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EPORT 5 Content B">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1EC26CBF-9D3D-15DE-A3B6-1F8AC80A3E0C}"/>
              </a:ext>
            </a:extLst>
          </p:cNvPr>
          <p:cNvSpPr/>
          <p:nvPr userDrawn="1"/>
        </p:nvSpPr>
        <p:spPr>
          <a:xfrm>
            <a:off x="0" y="0"/>
            <a:ext cx="31356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a:xfrm>
            <a:off x="1115138" y="6439469"/>
            <a:ext cx="1828800" cy="180000"/>
          </a:xfrm>
        </p:spPr>
        <p:txBody>
          <a:bodyPr/>
          <a:lstStyle>
            <a:lvl1pPr>
              <a:defRPr>
                <a:solidFill>
                  <a:schemeClr val="bg1"/>
                </a:solidFill>
              </a:defRPr>
            </a:lvl1pPr>
          </a:lstStyle>
          <a:p>
            <a:fld id="{BDFCA445-28F7-D04D-B2EF-2294ADD6D12E}" type="datetime4">
              <a:rPr lang="en-US" smtClean="0"/>
              <a:t>September 8, 2023</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224800" cy="2530800"/>
          </a:xfrm>
        </p:spPr>
        <p:txBody>
          <a:bodyPr/>
          <a:lstStyle>
            <a:lvl1pPr>
              <a:defRPr>
                <a:solidFill>
                  <a:schemeClr val="bg1"/>
                </a:solidFill>
              </a:defRPr>
            </a:lvl1pPr>
          </a:lstStyle>
          <a:p>
            <a:r>
              <a:rPr lang="en-US" dirty="0"/>
              <a:t>Click to edit Master title style</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Content Placeholder 5">
            <a:extLst>
              <a:ext uri="{FF2B5EF4-FFF2-40B4-BE49-F238E27FC236}">
                <a16:creationId xmlns:a16="http://schemas.microsoft.com/office/drawing/2014/main" id="{53C86090-9697-9AEF-C893-5B4EBE1CA3B2}"/>
              </a:ext>
            </a:extLst>
          </p:cNvPr>
          <p:cNvSpPr>
            <a:spLocks noGrp="1"/>
          </p:cNvSpPr>
          <p:nvPr>
            <p:ph sz="quarter" idx="12"/>
          </p:nvPr>
        </p:nvSpPr>
        <p:spPr>
          <a:xfrm>
            <a:off x="719138" y="3610800"/>
            <a:ext cx="22248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427286243"/>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REPORT 5 Content C">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8B292795-53E5-D4AE-7881-39C23A693A20}"/>
              </a:ext>
            </a:extLst>
          </p:cNvPr>
          <p:cNvSpPr/>
          <p:nvPr userDrawn="1"/>
        </p:nvSpPr>
        <p:spPr>
          <a:xfrm>
            <a:off x="9053512" y="0"/>
            <a:ext cx="3138487"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9941CD44-467F-7644-84CB-3FF5D40D7B34}" type="datetime4">
              <a:rPr lang="en-US" smtClean="0"/>
              <a:t>September 8,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212062" y="7200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212062" y="36068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Title 6">
            <a:extLst>
              <a:ext uri="{FF2B5EF4-FFF2-40B4-BE49-F238E27FC236}">
                <a16:creationId xmlns:a16="http://schemas.microsoft.com/office/drawing/2014/main" id="{97D0E8A7-F71B-DA02-9636-65342A59D178}"/>
              </a:ext>
            </a:extLst>
          </p:cNvPr>
          <p:cNvSpPr>
            <a:spLocks noGrp="1"/>
          </p:cNvSpPr>
          <p:nvPr>
            <p:ph type="title"/>
          </p:nvPr>
        </p:nvSpPr>
        <p:spPr>
          <a:xfrm>
            <a:off x="719138" y="719999"/>
            <a:ext cx="2416913" cy="2529613"/>
          </a:xfrm>
        </p:spPr>
        <p:txBody>
          <a:bodyPr/>
          <a:lstStyle/>
          <a:p>
            <a:r>
              <a:rPr lang="en-US" dirty="0"/>
              <a:t>Click to edit Master title style</a:t>
            </a:r>
            <a:endParaRPr lang="en-GB" dirty="0"/>
          </a:p>
        </p:txBody>
      </p:sp>
      <p:sp>
        <p:nvSpPr>
          <p:cNvPr id="8" name="Content Placeholder 3">
            <a:extLst>
              <a:ext uri="{FF2B5EF4-FFF2-40B4-BE49-F238E27FC236}">
                <a16:creationId xmlns:a16="http://schemas.microsoft.com/office/drawing/2014/main" id="{0439221F-1453-B601-B3A1-2760F20CC76B}"/>
              </a:ext>
            </a:extLst>
          </p:cNvPr>
          <p:cNvSpPr>
            <a:spLocks noGrp="1"/>
          </p:cNvSpPr>
          <p:nvPr>
            <p:ph sz="quarter" idx="14" hasCustomPrompt="1"/>
          </p:nvPr>
        </p:nvSpPr>
        <p:spPr>
          <a:xfrm>
            <a:off x="719138" y="3606800"/>
            <a:ext cx="2416175" cy="2530475"/>
          </a:xfrm>
        </p:spPr>
        <p:txBody>
          <a:bodyPr/>
          <a:lstStyle>
            <a:lvl1pPr>
              <a:defRPr sz="4000" cap="all" baseline="0">
                <a:solidFill>
                  <a:srgbClr val="9EC3E1"/>
                </a:solidFill>
              </a:defRPr>
            </a:lvl1pPr>
          </a:lstStyle>
          <a:p>
            <a:pPr lvl="0"/>
            <a:r>
              <a:rPr lang="en-US" dirty="0"/>
              <a:t>Callout or stat</a:t>
            </a:r>
            <a:endParaRPr lang="en-GB" dirty="0"/>
          </a:p>
        </p:txBody>
      </p:sp>
      <p:sp>
        <p:nvSpPr>
          <p:cNvPr id="5" name="Footers" descr="{&quot;templafy&quot;:{&quot;id&quot;:&quot;802c32aa-2e79-485b-8fd7-9e826bb7a9c4&quot;}}">
            <a:extLst>
              <a:ext uri="{FF2B5EF4-FFF2-40B4-BE49-F238E27FC236}">
                <a16:creationId xmlns:a16="http://schemas.microsoft.com/office/drawing/2014/main" id="{EDC4708C-CD54-B7F2-D805-7C44F6F2B07D}"/>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979422915"/>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C with Confidential Statement">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C753663D-E098-B93B-3E15-3DB8D2D8F898}"/>
              </a:ext>
            </a:extLst>
          </p:cNvPr>
          <p:cNvPicPr>
            <a:picLocks noChangeAspect="1"/>
          </p:cNvPicPr>
          <p:nvPr userDrawn="1"/>
        </p:nvPicPr>
        <p:blipFill>
          <a:blip r:embed="rId3">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6" name="Rectangle 15">
            <a:extLst>
              <a:ext uri="{FF2B5EF4-FFF2-40B4-BE49-F238E27FC236}">
                <a16:creationId xmlns:a16="http://schemas.microsoft.com/office/drawing/2014/main" id="{5D5AB2CE-B33D-1B37-2E06-5DF32D905889}"/>
              </a:ext>
            </a:extLst>
          </p:cNvPr>
          <p:cNvSpPr/>
          <p:nvPr userDrawn="1"/>
        </p:nvSpPr>
        <p:spPr>
          <a:xfrm rot="10800000">
            <a:off x="0" y="1"/>
            <a:ext cx="12178055" cy="5557138"/>
          </a:xfrm>
          <a:prstGeom prst="rect">
            <a:avLst/>
          </a:prstGeom>
          <a:gradFill flip="none" rotWithShape="1">
            <a:gsLst>
              <a:gs pos="100000">
                <a:schemeClr val="accent3"/>
              </a:gs>
              <a:gs pos="0">
                <a:schemeClr val="accent1">
                  <a:alpha val="0"/>
                </a:schemeClr>
              </a:gs>
              <a:gs pos="71000">
                <a:srgbClr val="15417F"/>
              </a:gs>
              <a:gs pos="51000">
                <a:schemeClr val="accent1">
                  <a:alpha val="90000"/>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dirty="0" err="1">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015152"/>
            <a:ext cx="10733505" cy="1296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600550"/>
            <a:ext cx="10733504" cy="306000"/>
          </a:xfrm>
        </p:spPr>
        <p:txBody>
          <a:bodyPr>
            <a:noAutofit/>
          </a:bodyPr>
          <a:lstStyle>
            <a:lvl1pPr marL="0" indent="0" algn="l">
              <a:spcBef>
                <a:spcPts val="0"/>
              </a:spcBef>
              <a:spcAft>
                <a:spcPts val="0"/>
              </a:spcAft>
              <a:buNone/>
              <a:defRPr sz="20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4941020"/>
            <a:ext cx="5195025" cy="180000"/>
          </a:xfrm>
        </p:spPr>
        <p:txBody>
          <a:bodyPr/>
          <a:lstStyle>
            <a:lvl1pPr>
              <a:defRPr sz="1000">
                <a:solidFill>
                  <a:schemeClr val="bg1"/>
                </a:solidFill>
              </a:defRPr>
            </a:lvl1pPr>
          </a:lstStyle>
          <a:p>
            <a:fld id="{49E26F94-AE0A-D846-B352-2B3AF61B95AC}" type="datetime4">
              <a:rPr lang="en-US" smtClean="0"/>
              <a:t>September 8,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1737974633" name="Picture 5" descr="{&quot;templafy&quot;:{&quot;id&quot;:&quot;539ce546-0ecd-4010-9fa9-987f56adaa25&quot;}}"/>
          <p:cNvPicPr>
            <a:picLocks noChangeAspect="1"/>
          </p:cNvPicPr>
          <p:nvPr/>
        </p:nvPicPr>
        <p:blipFill>
          <a:blip r:embed="rId5"/>
          <a:stretch>
            <a:fillRect/>
          </a:stretch>
        </p:blipFill>
        <p:spPr>
          <a:xfrm>
            <a:off x="737770" y="702906"/>
            <a:ext cx="4322438" cy="725487"/>
          </a:xfrm>
          <a:prstGeom prst="rect">
            <a:avLst/>
          </a:prstGeom>
        </p:spPr>
      </p:pic>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4481920"/>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4706499"/>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
        <p:nvSpPr>
          <p:cNvPr id="8" name="Rectangle 7">
            <a:extLst>
              <a:ext uri="{FF2B5EF4-FFF2-40B4-BE49-F238E27FC236}">
                <a16:creationId xmlns:a16="http://schemas.microsoft.com/office/drawing/2014/main" id="{F31A22EB-BD03-D54C-510B-9450ECC7F9DD}"/>
              </a:ext>
            </a:extLst>
          </p:cNvPr>
          <p:cNvSpPr/>
          <p:nvPr userDrawn="1"/>
        </p:nvSpPr>
        <p:spPr bwMode="auto">
          <a:xfrm>
            <a:off x="0" y="5566321"/>
            <a:ext cx="12192000" cy="1295400"/>
          </a:xfrm>
          <a:prstGeom prst="rect">
            <a:avLst/>
          </a:prstGeom>
          <a:solidFill>
            <a:schemeClr val="bg1">
              <a:lumMod val="95000"/>
            </a:schemeClr>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11" name="Line top Placeholder 20">
            <a:extLst>
              <a:ext uri="{FF2B5EF4-FFF2-40B4-BE49-F238E27FC236}">
                <a16:creationId xmlns:a16="http://schemas.microsoft.com/office/drawing/2014/main" id="{BDD14DD9-CE12-CB1D-F34C-E1CF891B53B2}"/>
              </a:ext>
            </a:extLst>
          </p:cNvPr>
          <p:cNvSpPr>
            <a:spLocks noGrp="1"/>
          </p:cNvSpPr>
          <p:nvPr>
            <p:ph type="body" sz="quarter" idx="27" hasCustomPrompt="1"/>
          </p:nvPr>
        </p:nvSpPr>
        <p:spPr>
          <a:xfrm>
            <a:off x="0" y="5530321"/>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4" name="Content Placeholder 2">
            <a:extLst>
              <a:ext uri="{FF2B5EF4-FFF2-40B4-BE49-F238E27FC236}">
                <a16:creationId xmlns:a16="http://schemas.microsoft.com/office/drawing/2014/main" id="{411FCB7A-8CF2-FF56-27FD-1990B8CFF15A}"/>
              </a:ext>
            </a:extLst>
          </p:cNvPr>
          <p:cNvSpPr txBox="1">
            <a:spLocks/>
          </p:cNvSpPr>
          <p:nvPr userDrawn="1"/>
        </p:nvSpPr>
        <p:spPr>
          <a:xfrm>
            <a:off x="635001" y="6139752"/>
            <a:ext cx="10827546" cy="271145"/>
          </a:xfrm>
          <a:prstGeom prst="rect">
            <a:avLst/>
          </a:prstGeom>
        </p:spPr>
        <p:txBody>
          <a:bodyPr/>
          <a:lstStyle>
            <a:lvl1pPr marL="136800" indent="-136800" algn="l" defTabSz="914400" rtl="0" eaLnBrk="1" latinLnBrk="0" hangingPunct="1">
              <a:lnSpc>
                <a:spcPct val="100000"/>
              </a:lnSpc>
              <a:spcBef>
                <a:spcPts val="600"/>
              </a:spcBef>
              <a:spcAft>
                <a:spcPts val="0"/>
              </a:spcAft>
              <a:buClr>
                <a:schemeClr val="accent3"/>
              </a:buClr>
              <a:buFont typeface="Calibri Light" panose="020F0302020204030204" pitchFamily="34" charset="0"/>
              <a:buChar char="•"/>
              <a:defRPr sz="1800" kern="1200">
                <a:solidFill>
                  <a:schemeClr val="accent1"/>
                </a:solidFill>
                <a:latin typeface="+mj-lt"/>
                <a:ea typeface="+mn-ea"/>
                <a:cs typeface="+mn-cs"/>
              </a:defRPr>
            </a:lvl1pPr>
            <a:lvl2pPr marL="273600" indent="-136800" algn="l" defTabSz="914400" rtl="0" eaLnBrk="1" latinLnBrk="0" hangingPunct="1">
              <a:lnSpc>
                <a:spcPct val="100000"/>
              </a:lnSpc>
              <a:spcBef>
                <a:spcPts val="400"/>
              </a:spcBef>
              <a:spcAft>
                <a:spcPts val="100"/>
              </a:spcAft>
              <a:buClr>
                <a:srgbClr val="9EC3E1"/>
              </a:buClr>
              <a:buFont typeface="Calibri Light" panose="020F0302020204030204" pitchFamily="34" charset="0"/>
              <a:buChar char="•"/>
              <a:defRPr sz="1600" kern="1200">
                <a:solidFill>
                  <a:schemeClr val="accent1"/>
                </a:solidFill>
                <a:latin typeface="+mj-lt"/>
                <a:ea typeface="+mn-ea"/>
                <a:cs typeface="+mn-cs"/>
              </a:defRPr>
            </a:lvl2pPr>
            <a:lvl3pPr marL="410400" indent="-136800" algn="l" defTabSz="914400" rtl="0" eaLnBrk="1" latinLnBrk="0" hangingPunct="1">
              <a:lnSpc>
                <a:spcPct val="90000"/>
              </a:lnSpc>
              <a:spcBef>
                <a:spcPts val="400"/>
              </a:spcBef>
              <a:spcAft>
                <a:spcPts val="200"/>
              </a:spcAft>
              <a:buFont typeface="Calibri Light" panose="020F0302020204030204" pitchFamily="34" charset="0"/>
              <a:buChar char="•"/>
              <a:defRPr sz="1600" kern="1200">
                <a:solidFill>
                  <a:schemeClr val="accent1"/>
                </a:solidFill>
                <a:latin typeface="+mj-lt"/>
                <a:ea typeface="+mn-ea"/>
                <a:cs typeface="+mn-cs"/>
              </a:defRPr>
            </a:lvl3pPr>
            <a:lvl4pPr marL="0" indent="0" algn="l" defTabSz="914400" rtl="0" eaLnBrk="1" latinLnBrk="0" hangingPunct="1">
              <a:lnSpc>
                <a:spcPct val="100000"/>
              </a:lnSpc>
              <a:spcBef>
                <a:spcPts val="1200"/>
              </a:spcBef>
              <a:spcAft>
                <a:spcPts val="300"/>
              </a:spcAft>
              <a:buFont typeface="Calibri Light" panose="020F0302020204030204" pitchFamily="34" charset="0"/>
              <a:buChar char="​"/>
              <a:defRPr sz="2800" b="1" kern="1200" cap="all" spc="200" baseline="0">
                <a:solidFill>
                  <a:schemeClr val="accent3"/>
                </a:solidFill>
                <a:latin typeface="+mn-lt"/>
                <a:ea typeface="+mn-ea"/>
                <a:cs typeface="+mn-cs"/>
              </a:defRPr>
            </a:lvl4pPr>
            <a:lvl5pPr marL="0" indent="0" algn="l" defTabSz="914400" rtl="0" eaLnBrk="1" latinLnBrk="0" hangingPunct="1">
              <a:lnSpc>
                <a:spcPct val="100000"/>
              </a:lnSpc>
              <a:spcBef>
                <a:spcPts val="0"/>
              </a:spcBef>
              <a:spcAft>
                <a:spcPts val="1200"/>
              </a:spcAft>
              <a:buFont typeface="Calibri Light" panose="020F0302020204030204" pitchFamily="34" charset="0"/>
              <a:buChar char="​"/>
              <a:tabLst/>
              <a:defRPr sz="1800" kern="1200">
                <a:solidFill>
                  <a:schemeClr val="accent1"/>
                </a:solidFill>
                <a:latin typeface="+mj-lt"/>
                <a:ea typeface="+mn-ea"/>
                <a:cs typeface="+mn-cs"/>
              </a:defRPr>
            </a:lvl5pPr>
            <a:lvl6pPr marL="0" indent="0" algn="l" defTabSz="914400" rtl="0" eaLnBrk="1" latinLnBrk="0" hangingPunct="1">
              <a:lnSpc>
                <a:spcPct val="100000"/>
              </a:lnSpc>
              <a:spcBef>
                <a:spcPts val="1200"/>
              </a:spcBef>
              <a:spcAft>
                <a:spcPts val="200"/>
              </a:spcAft>
              <a:buFont typeface="Berlingske Serif Text Office"/>
              <a:buNone/>
              <a:defRPr sz="1600" b="1" kern="1200" cap="all" spc="180" baseline="0">
                <a:solidFill>
                  <a:schemeClr val="accent1"/>
                </a:solidFill>
                <a:latin typeface="+mn-lt"/>
                <a:ea typeface="+mn-ea"/>
                <a:cs typeface="+mn-cs"/>
              </a:defRPr>
            </a:lvl6pPr>
            <a:lvl7pPr marL="0" marR="0" indent="0" algn="l" defTabSz="914400" rtl="0" eaLnBrk="1" fontAlgn="auto" latinLnBrk="0" hangingPunct="1">
              <a:lnSpc>
                <a:spcPct val="90000"/>
              </a:lnSpc>
              <a:spcBef>
                <a:spcPts val="200"/>
              </a:spcBef>
              <a:spcAft>
                <a:spcPts val="400"/>
              </a:spcAft>
              <a:buClrTx/>
              <a:buSzTx/>
              <a:buFont typeface="Calibri Light" panose="020F0302020204030204" pitchFamily="34" charset="0"/>
              <a:buChar char="​"/>
              <a:tabLst/>
              <a:defRPr sz="1200" b="0" kern="1200" cap="none" spc="0" baseline="0">
                <a:solidFill>
                  <a:schemeClr val="accent1"/>
                </a:solidFill>
                <a:latin typeface="+mn-lt"/>
                <a:ea typeface="+mn-ea"/>
                <a:cs typeface="+mn-cs"/>
              </a:defRPr>
            </a:lvl7pPr>
            <a:lvl8pPr marL="136800" marR="0" indent="-136800" algn="l" defTabSz="914400" rtl="0" eaLnBrk="1" fontAlgn="auto" latinLnBrk="0" hangingPunct="1">
              <a:lnSpc>
                <a:spcPct val="90000"/>
              </a:lnSpc>
              <a:spcBef>
                <a:spcPts val="400"/>
              </a:spcBef>
              <a:spcAft>
                <a:spcPts val="100"/>
              </a:spcAft>
              <a:buClrTx/>
              <a:buSzTx/>
              <a:buFont typeface="Arial" panose="020B0604020202020204" pitchFamily="34" charset="0"/>
              <a:buChar char="•"/>
              <a:tabLst/>
              <a:defRPr sz="1200" kern="1200">
                <a:solidFill>
                  <a:schemeClr val="accent1"/>
                </a:solidFill>
                <a:latin typeface="+mn-lt"/>
                <a:ea typeface="+mn-ea"/>
                <a:cs typeface="+mn-cs"/>
              </a:defRPr>
            </a:lvl8pPr>
            <a:lvl9pPr marL="0" indent="0" algn="l" defTabSz="914400" rtl="0" eaLnBrk="1" latinLnBrk="0" hangingPunct="1">
              <a:lnSpc>
                <a:spcPct val="74000"/>
              </a:lnSpc>
              <a:spcBef>
                <a:spcPts val="1200"/>
              </a:spcBef>
              <a:spcAft>
                <a:spcPts val="1200"/>
              </a:spcAft>
              <a:buFont typeface="Calibri Light" panose="020F0302020204030204" pitchFamily="34" charset="0"/>
              <a:buChar char="​"/>
              <a:defRPr sz="7500" kern="1200" cap="all" baseline="0">
                <a:solidFill>
                  <a:srgbClr val="D8E7F3"/>
                </a:solidFill>
                <a:latin typeface="+mj-lt"/>
                <a:ea typeface="+mn-ea"/>
                <a:cs typeface="+mn-cs"/>
              </a:defRPr>
            </a:lvl9pPr>
          </a:lstStyle>
          <a:p>
            <a:pPr lvl="6"/>
            <a:r>
              <a:rPr lang="en-GB" sz="1000" b="1" dirty="0"/>
              <a:t>CONFIDENTIAL – DO NOT DISTRIBUTE: </a:t>
            </a:r>
            <a:r>
              <a:rPr lang="en-GB" sz="1000" dirty="0"/>
              <a:t>This presentation contains confidential information and is presented only with the understanding that it’s contents and ideas with not be shared with external groups.</a:t>
            </a:r>
          </a:p>
        </p:txBody>
      </p:sp>
    </p:spTree>
    <p:extLst>
      <p:ext uri="{BB962C8B-B14F-4D97-AF65-F5344CB8AC3E}">
        <p14:creationId xmlns:p14="http://schemas.microsoft.com/office/powerpoint/2010/main" val="158287648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74"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RHETORICAL Two tex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p:nvPr userDrawn="1"/>
        </p:nvSpPr>
        <p:spPr>
          <a:xfrm>
            <a:off x="6097200" y="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217CA438-2D37-4947-B755-A2F608C6D244}" type="datetime4">
              <a:rPr lang="en-US" smtClean="0"/>
              <a:t>September 8,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5018400" cy="1774800"/>
          </a:xfrm>
        </p:spPr>
        <p:txBody>
          <a:bodyPr/>
          <a:lstStyle>
            <a:lvl1pPr>
              <a:defRPr b="1">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1" y="2854075"/>
            <a:ext cx="5195885" cy="32832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3" y="2854075"/>
            <a:ext cx="5195887" cy="32832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3">
            <a:extLst>
              <a:ext uri="{FF2B5EF4-FFF2-40B4-BE49-F238E27FC236}">
                <a16:creationId xmlns:a16="http://schemas.microsoft.com/office/drawing/2014/main" id="{DF49F1D1-5694-C367-AC0A-3B106690283C}"/>
              </a:ext>
            </a:extLst>
          </p:cNvPr>
          <p:cNvSpPr>
            <a:spLocks noGrp="1"/>
          </p:cNvSpPr>
          <p:nvPr>
            <p:ph sz="quarter" idx="25" hasCustomPrompt="1"/>
          </p:nvPr>
        </p:nvSpPr>
        <p:spPr>
          <a:xfrm>
            <a:off x="6280801" y="719138"/>
            <a:ext cx="5195885" cy="1775662"/>
          </a:xfrm>
        </p:spPr>
        <p:txBody>
          <a:bodyPr>
            <a:noAutofit/>
          </a:bodyPr>
          <a:lstStyle>
            <a:lvl1pPr marL="0" indent="0">
              <a:lnSpc>
                <a:spcPct val="90000"/>
              </a:lnSpc>
              <a:spcBef>
                <a:spcPts val="1200"/>
              </a:spcBef>
              <a:spcAft>
                <a:spcPts val="1200"/>
              </a:spcAft>
              <a:buFont typeface="Arial" panose="020B0604020202020204" pitchFamily="34" charset="0"/>
              <a:buNone/>
              <a:defRPr sz="4000" b="1" cap="none">
                <a:solidFill>
                  <a:schemeClr val="accent1"/>
                </a:solidFill>
                <a:latin typeface="+mn-lt"/>
              </a:defRPr>
            </a:lvl1pPr>
            <a:lvl2pPr marL="0" indent="0">
              <a:lnSpc>
                <a:spcPct val="90000"/>
              </a:lnSpc>
              <a:spcBef>
                <a:spcPts val="1200"/>
              </a:spcBef>
              <a:spcAft>
                <a:spcPts val="1200"/>
              </a:spcAft>
              <a:buNone/>
              <a:defRPr sz="4000" b="0" cap="none">
                <a:solidFill>
                  <a:schemeClr val="accent2"/>
                </a:solidFill>
                <a:latin typeface="+mn-lt"/>
              </a:defRPr>
            </a:lvl2pPr>
            <a:lvl3pPr marL="0" indent="0">
              <a:lnSpc>
                <a:spcPct val="90000"/>
              </a:lnSpc>
              <a:spcBef>
                <a:spcPts val="1200"/>
              </a:spcBef>
              <a:spcAft>
                <a:spcPts val="1200"/>
              </a:spcAft>
              <a:buNone/>
              <a:defRPr sz="4000" b="0" cap="none">
                <a:solidFill>
                  <a:schemeClr val="accent2"/>
                </a:solidFill>
                <a:latin typeface="+mn-lt"/>
              </a:defRPr>
            </a:lvl3pPr>
            <a:lvl4pPr marL="0" indent="0">
              <a:lnSpc>
                <a:spcPct val="90000"/>
              </a:lnSpc>
              <a:spcBef>
                <a:spcPts val="1200"/>
              </a:spcBef>
              <a:spcAft>
                <a:spcPts val="1200"/>
              </a:spcAft>
              <a:buNone/>
              <a:defRPr sz="4000" b="0" cap="none">
                <a:solidFill>
                  <a:schemeClr val="accent2"/>
                </a:solidFill>
                <a:latin typeface="+mn-lt"/>
              </a:defRPr>
            </a:lvl4pPr>
            <a:lvl5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5pPr>
            <a:lvl6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6pPr>
            <a:lvl7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7pPr>
            <a:lvl8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8pPr>
            <a:lvl9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9pPr>
          </a:lstStyle>
          <a:p>
            <a:pPr lvl="0"/>
            <a:r>
              <a:rPr lang="en-GB" dirty="0"/>
              <a:t>Click to add text</a:t>
            </a:r>
          </a:p>
        </p:txBody>
      </p:sp>
      <p:sp>
        <p:nvSpPr>
          <p:cNvPr id="11" name="Footers" descr="{&quot;templafy&quot;:{&quot;id&quot;:&quot;13974de5-8cef-4d59-abfb-72071ca5e6dc&quot;}}">
            <a:extLst>
              <a:ext uri="{FF2B5EF4-FFF2-40B4-BE49-F238E27FC236}">
                <a16:creationId xmlns:a16="http://schemas.microsoft.com/office/drawing/2014/main" id="{82A8297C-CDDC-2966-C397-33725EE8D105}"/>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890766016"/>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1570"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7"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1797"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03C7688E-2109-B3A6-BB30-ED06B927D9A2}"/>
              </a:ext>
            </a:extLst>
          </p:cNvPr>
          <p:cNvSpPr>
            <a:spLocks noGrp="1"/>
          </p:cNvSpPr>
          <p:nvPr>
            <p:ph type="pic" sz="quarter" idx="25"/>
          </p:nvPr>
        </p:nvSpPr>
        <p:spPr>
          <a:xfrm>
            <a:off x="6094801" y="0"/>
            <a:ext cx="6097200" cy="6858000"/>
          </a:xfrm>
          <a:solidFill>
            <a:schemeClr val="accent6"/>
          </a:solidFill>
        </p:spPr>
        <p:txBody>
          <a:bodyPr tIns="648000" anchor="ctr" anchorCtr="0"/>
          <a:lstStyle>
            <a:lvl1pPr algn="ctr">
              <a:defRPr/>
            </a:lvl1pPr>
          </a:lstStyle>
          <a:p>
            <a:r>
              <a:rPr lang="en-GB" dirty="0"/>
              <a:t>Click icon to add picture</a:t>
            </a:r>
          </a:p>
        </p:txBody>
      </p:sp>
      <p:sp>
        <p:nvSpPr>
          <p:cNvPr id="5" name="Rectangle 4">
            <a:extLst>
              <a:ext uri="{FF2B5EF4-FFF2-40B4-BE49-F238E27FC236}">
                <a16:creationId xmlns:a16="http://schemas.microsoft.com/office/drawing/2014/main" id="{B6A4BFA0-E5C7-13E3-03EC-DC785E3CB148}"/>
              </a:ext>
            </a:extLst>
          </p:cNvPr>
          <p:cNvSpPr/>
          <p:nvPr userDrawn="1"/>
        </p:nvSpPr>
        <p:spPr>
          <a:xfrm>
            <a:off x="0" y="0"/>
            <a:ext cx="6094800" cy="6858000"/>
          </a:xfrm>
          <a:prstGeom prst="rect">
            <a:avLst/>
          </a:prstGeom>
          <a:gradFill>
            <a:gsLst>
              <a:gs pos="38000">
                <a:srgbClr val="D8E7F3"/>
              </a:gs>
              <a:gs pos="100000">
                <a:schemeClr val="bg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F33EA31E-E50F-1345-8E3F-4A8A7027CE0C}" type="datetime4">
              <a:rPr lang="en-US" smtClean="0"/>
              <a:t>September 8,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Freeform: Shape 11">
            <a:extLst>
              <a:ext uri="{FF2B5EF4-FFF2-40B4-BE49-F238E27FC236}">
                <a16:creationId xmlns:a16="http://schemas.microsoft.com/office/drawing/2014/main" id="{964E4448-A264-7659-B7F9-D4E3F0409CEF}"/>
              </a:ext>
            </a:extLst>
          </p:cNvPr>
          <p:cNvSpPr/>
          <p:nvPr userDrawn="1"/>
        </p:nvSpPr>
        <p:spPr>
          <a:xfrm>
            <a:off x="719138" y="1150830"/>
            <a:ext cx="698644" cy="535303"/>
          </a:xfrm>
          <a:custGeom>
            <a:avLst/>
            <a:gdLst>
              <a:gd name="connsiteX0" fmla="*/ 772947 w 828408"/>
              <a:gd name="connsiteY0" fmla="*/ 0 h 634729"/>
              <a:gd name="connsiteX1" fmla="*/ 772947 w 828408"/>
              <a:gd name="connsiteY1" fmla="*/ 50532 h 634729"/>
              <a:gd name="connsiteX2" fmla="*/ 617654 w 828408"/>
              <a:gd name="connsiteY2" fmla="*/ 168850 h 634729"/>
              <a:gd name="connsiteX3" fmla="*/ 570819 w 828408"/>
              <a:gd name="connsiteY3" fmla="*/ 303191 h 634729"/>
              <a:gd name="connsiteX4" fmla="*/ 583144 w 828408"/>
              <a:gd name="connsiteY4" fmla="*/ 362350 h 634729"/>
              <a:gd name="connsiteX5" fmla="*/ 610259 w 828408"/>
              <a:gd name="connsiteY5" fmla="*/ 379605 h 634729"/>
              <a:gd name="connsiteX6" fmla="*/ 653396 w 828408"/>
              <a:gd name="connsiteY6" fmla="*/ 370361 h 634729"/>
              <a:gd name="connsiteX7" fmla="*/ 702695 w 828408"/>
              <a:gd name="connsiteY7" fmla="*/ 361118 h 634729"/>
              <a:gd name="connsiteX8" fmla="*/ 790818 w 828408"/>
              <a:gd name="connsiteY8" fmla="*/ 398709 h 634729"/>
              <a:gd name="connsiteX9" fmla="*/ 828408 w 828408"/>
              <a:gd name="connsiteY9" fmla="*/ 490529 h 634729"/>
              <a:gd name="connsiteX10" fmla="*/ 782806 w 828408"/>
              <a:gd name="connsiteY10" fmla="*/ 592208 h 634729"/>
              <a:gd name="connsiteX11" fmla="*/ 669418 w 828408"/>
              <a:gd name="connsiteY11" fmla="*/ 634729 h 634729"/>
              <a:gd name="connsiteX12" fmla="*/ 520288 w 828408"/>
              <a:gd name="connsiteY12" fmla="*/ 563245 h 634729"/>
              <a:gd name="connsiteX13" fmla="*/ 453733 w 828408"/>
              <a:gd name="connsiteY13" fmla="*/ 387000 h 634729"/>
              <a:gd name="connsiteX14" fmla="*/ 535694 w 828408"/>
              <a:gd name="connsiteY14" fmla="*/ 157142 h 634729"/>
              <a:gd name="connsiteX15" fmla="*/ 772947 w 828408"/>
              <a:gd name="connsiteY15" fmla="*/ 0 h 634729"/>
              <a:gd name="connsiteX16" fmla="*/ 319214 w 828408"/>
              <a:gd name="connsiteY16" fmla="*/ 0 h 634729"/>
              <a:gd name="connsiteX17" fmla="*/ 319214 w 828408"/>
              <a:gd name="connsiteY17" fmla="*/ 50532 h 634729"/>
              <a:gd name="connsiteX18" fmla="*/ 163921 w 828408"/>
              <a:gd name="connsiteY18" fmla="*/ 168850 h 634729"/>
              <a:gd name="connsiteX19" fmla="*/ 117086 w 828408"/>
              <a:gd name="connsiteY19" fmla="*/ 303191 h 634729"/>
              <a:gd name="connsiteX20" fmla="*/ 129411 w 828408"/>
              <a:gd name="connsiteY20" fmla="*/ 362350 h 634729"/>
              <a:gd name="connsiteX21" fmla="*/ 156526 w 828408"/>
              <a:gd name="connsiteY21" fmla="*/ 379605 h 634729"/>
              <a:gd name="connsiteX22" fmla="*/ 199663 w 828408"/>
              <a:gd name="connsiteY22" fmla="*/ 370361 h 634729"/>
              <a:gd name="connsiteX23" fmla="*/ 248962 w 828408"/>
              <a:gd name="connsiteY23" fmla="*/ 361118 h 634729"/>
              <a:gd name="connsiteX24" fmla="*/ 337085 w 828408"/>
              <a:gd name="connsiteY24" fmla="*/ 398709 h 634729"/>
              <a:gd name="connsiteX25" fmla="*/ 374675 w 828408"/>
              <a:gd name="connsiteY25" fmla="*/ 490529 h 634729"/>
              <a:gd name="connsiteX26" fmla="*/ 329073 w 828408"/>
              <a:gd name="connsiteY26" fmla="*/ 592208 h 634729"/>
              <a:gd name="connsiteX27" fmla="*/ 215685 w 828408"/>
              <a:gd name="connsiteY27" fmla="*/ 634729 h 634729"/>
              <a:gd name="connsiteX28" fmla="*/ 66555 w 828408"/>
              <a:gd name="connsiteY28" fmla="*/ 563245 h 634729"/>
              <a:gd name="connsiteX29" fmla="*/ 0 w 828408"/>
              <a:gd name="connsiteY29" fmla="*/ 387000 h 634729"/>
              <a:gd name="connsiteX30" fmla="*/ 81961 w 828408"/>
              <a:gd name="connsiteY30" fmla="*/ 157142 h 634729"/>
              <a:gd name="connsiteX31" fmla="*/ 319214 w 828408"/>
              <a:gd name="connsiteY31" fmla="*/ 0 h 634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8408" h="634729">
                <a:moveTo>
                  <a:pt x="772947" y="0"/>
                </a:moveTo>
                <a:lnTo>
                  <a:pt x="772947" y="50532"/>
                </a:lnTo>
                <a:cubicBezTo>
                  <a:pt x="700641" y="88328"/>
                  <a:pt x="648877" y="127768"/>
                  <a:pt x="617654" y="168850"/>
                </a:cubicBezTo>
                <a:cubicBezTo>
                  <a:pt x="586431" y="209933"/>
                  <a:pt x="570819" y="254713"/>
                  <a:pt x="570819" y="303191"/>
                </a:cubicBezTo>
                <a:cubicBezTo>
                  <a:pt x="570819" y="331949"/>
                  <a:pt x="574928" y="351669"/>
                  <a:pt x="583144" y="362350"/>
                </a:cubicBezTo>
                <a:cubicBezTo>
                  <a:pt x="590539" y="373854"/>
                  <a:pt x="599577" y="379605"/>
                  <a:pt x="610259" y="379605"/>
                </a:cubicBezTo>
                <a:cubicBezTo>
                  <a:pt x="620940" y="379605"/>
                  <a:pt x="635319" y="376524"/>
                  <a:pt x="653396" y="370361"/>
                </a:cubicBezTo>
                <a:cubicBezTo>
                  <a:pt x="671472" y="364199"/>
                  <a:pt x="687905" y="361118"/>
                  <a:pt x="702695" y="361118"/>
                </a:cubicBezTo>
                <a:cubicBezTo>
                  <a:pt x="736383" y="361118"/>
                  <a:pt x="765757" y="373648"/>
                  <a:pt x="790818" y="398709"/>
                </a:cubicBezTo>
                <a:cubicBezTo>
                  <a:pt x="815878" y="423769"/>
                  <a:pt x="828408" y="454376"/>
                  <a:pt x="828408" y="490529"/>
                </a:cubicBezTo>
                <a:cubicBezTo>
                  <a:pt x="828408" y="529968"/>
                  <a:pt x="813208" y="563861"/>
                  <a:pt x="782806" y="592208"/>
                </a:cubicBezTo>
                <a:cubicBezTo>
                  <a:pt x="752405" y="620555"/>
                  <a:pt x="714609" y="634729"/>
                  <a:pt x="669418" y="634729"/>
                </a:cubicBezTo>
                <a:cubicBezTo>
                  <a:pt x="614367" y="634729"/>
                  <a:pt x="564657" y="610901"/>
                  <a:pt x="520288" y="563245"/>
                </a:cubicBezTo>
                <a:cubicBezTo>
                  <a:pt x="475918" y="515589"/>
                  <a:pt x="453733" y="456841"/>
                  <a:pt x="453733" y="387000"/>
                </a:cubicBezTo>
                <a:cubicBezTo>
                  <a:pt x="453733" y="304834"/>
                  <a:pt x="481053" y="228215"/>
                  <a:pt x="535694" y="157142"/>
                </a:cubicBezTo>
                <a:cubicBezTo>
                  <a:pt x="590334" y="86069"/>
                  <a:pt x="669418" y="33688"/>
                  <a:pt x="772947" y="0"/>
                </a:cubicBezTo>
                <a:close/>
                <a:moveTo>
                  <a:pt x="319214" y="0"/>
                </a:moveTo>
                <a:lnTo>
                  <a:pt x="319214" y="50532"/>
                </a:lnTo>
                <a:cubicBezTo>
                  <a:pt x="246908" y="88328"/>
                  <a:pt x="195144" y="127768"/>
                  <a:pt x="163921" y="168850"/>
                </a:cubicBezTo>
                <a:cubicBezTo>
                  <a:pt x="132698" y="209933"/>
                  <a:pt x="117086" y="254713"/>
                  <a:pt x="117086" y="303191"/>
                </a:cubicBezTo>
                <a:cubicBezTo>
                  <a:pt x="117086" y="331949"/>
                  <a:pt x="121195" y="351669"/>
                  <a:pt x="129411" y="362350"/>
                </a:cubicBezTo>
                <a:cubicBezTo>
                  <a:pt x="136806" y="373854"/>
                  <a:pt x="145844" y="379605"/>
                  <a:pt x="156526" y="379605"/>
                </a:cubicBezTo>
                <a:cubicBezTo>
                  <a:pt x="167207" y="379605"/>
                  <a:pt x="181586" y="376524"/>
                  <a:pt x="199663" y="370361"/>
                </a:cubicBezTo>
                <a:cubicBezTo>
                  <a:pt x="217739" y="364199"/>
                  <a:pt x="234172" y="361118"/>
                  <a:pt x="248962" y="361118"/>
                </a:cubicBezTo>
                <a:cubicBezTo>
                  <a:pt x="282650" y="361118"/>
                  <a:pt x="312024" y="373648"/>
                  <a:pt x="337085" y="398709"/>
                </a:cubicBezTo>
                <a:cubicBezTo>
                  <a:pt x="362145" y="423769"/>
                  <a:pt x="374675" y="454376"/>
                  <a:pt x="374675" y="490529"/>
                </a:cubicBezTo>
                <a:cubicBezTo>
                  <a:pt x="374675" y="529968"/>
                  <a:pt x="359475" y="563861"/>
                  <a:pt x="329073" y="592208"/>
                </a:cubicBezTo>
                <a:cubicBezTo>
                  <a:pt x="298672" y="620555"/>
                  <a:pt x="260876" y="634729"/>
                  <a:pt x="215685" y="634729"/>
                </a:cubicBezTo>
                <a:cubicBezTo>
                  <a:pt x="160634" y="634729"/>
                  <a:pt x="110924" y="610901"/>
                  <a:pt x="66555" y="563245"/>
                </a:cubicBezTo>
                <a:cubicBezTo>
                  <a:pt x="22185" y="515589"/>
                  <a:pt x="0" y="456841"/>
                  <a:pt x="0" y="387000"/>
                </a:cubicBezTo>
                <a:cubicBezTo>
                  <a:pt x="0" y="304834"/>
                  <a:pt x="27320" y="228215"/>
                  <a:pt x="81961" y="157142"/>
                </a:cubicBezTo>
                <a:cubicBezTo>
                  <a:pt x="136601" y="86069"/>
                  <a:pt x="215685" y="33688"/>
                  <a:pt x="319214" y="0"/>
                </a:cubicBezTo>
                <a:close/>
              </a:path>
            </a:pathLst>
          </a:custGeom>
          <a:solidFill>
            <a:schemeClr val="bg1">
              <a:alpha val="92631"/>
            </a:schemeClr>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nSpc>
                <a:spcPct val="70000"/>
              </a:lnSpc>
              <a:spcBef>
                <a:spcPct val="0"/>
              </a:spcBef>
            </a:pPr>
            <a:endParaRPr lang="en-US" sz="19900" cap="all" spc="200">
              <a:solidFill>
                <a:schemeClr val="accent3">
                  <a:lumMod val="60000"/>
                  <a:lumOff val="40000"/>
                  <a:alpha val="51000"/>
                </a:schemeClr>
              </a:solidFill>
              <a:latin typeface="Calibri Light" panose="020F0302020204030204" pitchFamily="34" charset="0"/>
              <a:ea typeface="+mj-ea"/>
              <a:cs typeface="Calibri Light" panose="020F0302020204030204" pitchFamily="34" charset="0"/>
            </a:endParaRPr>
          </a:p>
        </p:txBody>
      </p:sp>
      <p:sp>
        <p:nvSpPr>
          <p:cNvPr id="15" name="Text Placeholder 14">
            <a:extLst>
              <a:ext uri="{FF2B5EF4-FFF2-40B4-BE49-F238E27FC236}">
                <a16:creationId xmlns:a16="http://schemas.microsoft.com/office/drawing/2014/main" id="{DC43D0F9-D9A7-1DFC-34B6-C81535D1FE71}"/>
              </a:ext>
            </a:extLst>
          </p:cNvPr>
          <p:cNvSpPr>
            <a:spLocks noGrp="1"/>
          </p:cNvSpPr>
          <p:nvPr>
            <p:ph type="body" sz="quarter" idx="26" hasCustomPrompt="1"/>
          </p:nvPr>
        </p:nvSpPr>
        <p:spPr>
          <a:xfrm>
            <a:off x="720000" y="1713599"/>
            <a:ext cx="5018400" cy="4424399"/>
          </a:xfrm>
        </p:spPr>
        <p:txBody>
          <a:bodyPr>
            <a:noAutofit/>
          </a:bodyPr>
          <a:lstStyle>
            <a:lvl1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1pPr>
            <a:lvl2pPr marL="0" indent="0">
              <a:lnSpc>
                <a:spcPct val="150000"/>
              </a:lnSpc>
              <a:spcBef>
                <a:spcPts val="250"/>
              </a:spcBef>
              <a:spcAft>
                <a:spcPts val="0"/>
              </a:spcAft>
              <a:buNone/>
              <a:defRPr sz="2000" b="0" cap="all">
                <a:solidFill>
                  <a:schemeClr val="accent1"/>
                </a:solidFill>
                <a:latin typeface="+mn-lt"/>
              </a:defRPr>
            </a:lvl2pPr>
            <a:lvl3pPr marL="0" indent="0">
              <a:lnSpc>
                <a:spcPct val="150000"/>
              </a:lnSpc>
              <a:spcBef>
                <a:spcPts val="250"/>
              </a:spcBef>
              <a:spcAft>
                <a:spcPts val="0"/>
              </a:spcAft>
              <a:buNone/>
              <a:defRPr sz="2000" b="0" cap="all">
                <a:solidFill>
                  <a:schemeClr val="accent1"/>
                </a:solidFill>
                <a:latin typeface="+mn-lt"/>
              </a:defRPr>
            </a:lvl3pPr>
            <a:lvl4pPr marL="0" indent="0">
              <a:lnSpc>
                <a:spcPct val="150000"/>
              </a:lnSpc>
              <a:spcBef>
                <a:spcPts val="250"/>
              </a:spcBef>
              <a:spcAft>
                <a:spcPts val="0"/>
              </a:spcAft>
              <a:buNone/>
              <a:defRPr sz="2000" b="0" cap="all">
                <a:solidFill>
                  <a:schemeClr val="accent1"/>
                </a:solidFill>
                <a:latin typeface="+mn-lt"/>
              </a:defRPr>
            </a:lvl4pPr>
            <a:lvl5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5pPr>
            <a:lvl6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6pPr>
            <a:lvl7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7pPr>
            <a:lvl8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8pPr>
            <a:lvl9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9pPr>
          </a:lstStyle>
          <a:p>
            <a:pPr lvl="0"/>
            <a:r>
              <a:rPr lang="en-US" dirty="0"/>
              <a:t>Click to add Quote</a:t>
            </a:r>
            <a:endParaRPr lang="en-GB" dirty="0"/>
          </a:p>
        </p:txBody>
      </p:sp>
      <p:sp>
        <p:nvSpPr>
          <p:cNvPr id="16" name="Text Placeholder 14">
            <a:extLst>
              <a:ext uri="{FF2B5EF4-FFF2-40B4-BE49-F238E27FC236}">
                <a16:creationId xmlns:a16="http://schemas.microsoft.com/office/drawing/2014/main" id="{F1E71275-5CC0-6348-59EF-6E51946B9E52}"/>
              </a:ext>
            </a:extLst>
          </p:cNvPr>
          <p:cNvSpPr>
            <a:spLocks noGrp="1"/>
          </p:cNvSpPr>
          <p:nvPr>
            <p:ph type="body" sz="quarter" idx="27" hasCustomPrompt="1"/>
          </p:nvPr>
        </p:nvSpPr>
        <p:spPr>
          <a:xfrm>
            <a:off x="6094800" y="4618075"/>
            <a:ext cx="6097199" cy="1519200"/>
          </a:xfrm>
          <a:solidFill>
            <a:schemeClr val="bg1"/>
          </a:solidFill>
        </p:spPr>
        <p:txBody>
          <a:bodyPr lIns="360000" tIns="180000" rIns="360000" bIns="180000"/>
          <a:lstStyle>
            <a:lvl5pPr>
              <a:defRPr/>
            </a:lvl5pPr>
          </a:lstStyle>
          <a:p>
            <a:pPr lvl="0"/>
            <a:r>
              <a:rPr lang="en-GB" dirty="0"/>
              <a:t>Click to add text. ENTER &amp; TAB or USE INDENT TOOL to change styles.</a:t>
            </a:r>
            <a:br>
              <a:rPr lang="en-GB" dirty="0"/>
            </a:br>
            <a:r>
              <a:rPr lang="en-GB" dirty="0"/>
              <a:t>SHIFT+TAB or USE INDENT TOOL to go back in levels.</a:t>
            </a:r>
          </a:p>
        </p:txBody>
      </p:sp>
      <p:sp>
        <p:nvSpPr>
          <p:cNvPr id="6" name="Footers" descr="{&quot;templafy&quot;:{&quot;id&quot;:&quot;4708fec4-619c-41a6-a13a-61ee0ada3da4&quot;}}">
            <a:extLst>
              <a:ext uri="{FF2B5EF4-FFF2-40B4-BE49-F238E27FC236}">
                <a16:creationId xmlns:a16="http://schemas.microsoft.com/office/drawing/2014/main" id="{D09B7859-4BFA-0D77-C7FF-EF07F0410453}"/>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2646066893"/>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0E55419C-47D8-864D-AADD-3BEFD2D931E2}" type="datetime4">
              <a:rPr lang="en-US" noProof="0" smtClean="0"/>
              <a:t>September 8,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1F76F6AE-16AC-0583-7B95-974948C87A5D}"/>
              </a:ext>
            </a:extLst>
          </p:cNvPr>
          <p:cNvPicPr>
            <a:picLocks noChangeAspect="1"/>
          </p:cNvPicPr>
          <p:nvPr userDrawn="1"/>
        </p:nvPicPr>
        <p:blipFill rotWithShape="1">
          <a:blip r:embed="rId3">
            <a:extLst>
              <a:ext uri="{28A0092B-C50C-407E-A947-70E740481C1C}">
                <a14:useLocalDpi xmlns:a14="http://schemas.microsoft.com/office/drawing/2010/main"/>
              </a:ext>
            </a:extLst>
          </a:blip>
          <a:srcRect/>
          <a:stretch/>
        </p:blipFill>
        <p:spPr>
          <a:xfrm>
            <a:off x="5219862" y="1519416"/>
            <a:ext cx="2534277" cy="4913784"/>
          </a:xfrm>
          <a:prstGeom prst="rect">
            <a:avLst/>
          </a:prstGeom>
        </p:spPr>
      </p:pic>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536800" y="2898000"/>
            <a:ext cx="1900800" cy="1900800"/>
          </a:xfrm>
          <a:solidFill>
            <a:schemeClr val="accent6"/>
          </a:solidFill>
        </p:spPr>
        <p:txBody>
          <a:bodyPr tIns="648000" anchor="ctr" anchorCtr="0"/>
          <a:lstStyle>
            <a:lvl1pPr algn="ctr">
              <a:defRPr/>
            </a:lvl1pPr>
          </a:lstStyle>
          <a:p>
            <a:endParaRPr lang="en-GB" dirty="0"/>
          </a:p>
        </p:txBody>
      </p:sp>
      <p:sp>
        <p:nvSpPr>
          <p:cNvPr id="11" name="Picture Placeholder 9">
            <a:extLst>
              <a:ext uri="{FF2B5EF4-FFF2-40B4-BE49-F238E27FC236}">
                <a16:creationId xmlns:a16="http://schemas.microsoft.com/office/drawing/2014/main" id="{70E6DDC2-540A-5800-73D7-E95E8BC5AAB0}"/>
              </a:ext>
            </a:extLst>
          </p:cNvPr>
          <p:cNvSpPr>
            <a:spLocks noGrp="1"/>
          </p:cNvSpPr>
          <p:nvPr>
            <p:ph type="pic" sz="quarter" idx="14"/>
          </p:nvPr>
        </p:nvSpPr>
        <p:spPr>
          <a:xfrm>
            <a:off x="7610400" y="2898000"/>
            <a:ext cx="1900800" cy="1900800"/>
          </a:xfrm>
          <a:solidFill>
            <a:schemeClr val="accent6"/>
          </a:solidFill>
        </p:spPr>
        <p:txBody>
          <a:bodyPr tIns="648000" anchor="ctr" anchorCtr="0"/>
          <a:lstStyle>
            <a:lvl1pPr algn="ctr">
              <a:defRPr/>
            </a:lvl1pPr>
          </a:lstStyle>
          <a:p>
            <a:endParaRPr lang="en-GB" dirty="0"/>
          </a:p>
        </p:txBody>
      </p:sp>
      <p:sp>
        <p:nvSpPr>
          <p:cNvPr id="12" name="Picture Placeholder 9">
            <a:extLst>
              <a:ext uri="{FF2B5EF4-FFF2-40B4-BE49-F238E27FC236}">
                <a16:creationId xmlns:a16="http://schemas.microsoft.com/office/drawing/2014/main" id="{89AD0377-EEF4-2BE2-7A2F-129C1089A4BB}"/>
              </a:ext>
            </a:extLst>
          </p:cNvPr>
          <p:cNvSpPr>
            <a:spLocks noGrp="1"/>
          </p:cNvSpPr>
          <p:nvPr>
            <p:ph type="pic" sz="quarter" idx="15"/>
          </p:nvPr>
        </p:nvSpPr>
        <p:spPr>
          <a:xfrm>
            <a:off x="9570475" y="2898000"/>
            <a:ext cx="1900800" cy="1900800"/>
          </a:xfrm>
          <a:solidFill>
            <a:schemeClr val="accent6"/>
          </a:solidFill>
        </p:spPr>
        <p:txBody>
          <a:bodyPr tIns="648000" anchor="ctr" anchorCtr="0"/>
          <a:lstStyle>
            <a:lvl1pPr algn="ctr">
              <a:defRPr/>
            </a:lvl1pPr>
          </a:lstStyle>
          <a:p>
            <a:endParaRPr lang="en-GB" dirty="0"/>
          </a:p>
        </p:txBody>
      </p:sp>
    </p:spTree>
    <p:extLst>
      <p:ext uri="{BB962C8B-B14F-4D97-AF65-F5344CB8AC3E}">
        <p14:creationId xmlns:p14="http://schemas.microsoft.com/office/powerpoint/2010/main" val="1753967541"/>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2C546DC-466E-AB47-94E1-ABDF6F366880}" type="datetime4">
              <a:rPr lang="en-US" smtClean="0"/>
              <a:t>September 8,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A54DDE5B-1F2D-F372-3892-57D934C69F4A}"/>
              </a:ext>
            </a:extLst>
          </p:cNvPr>
          <p:cNvPicPr>
            <a:picLocks noChangeAspect="1"/>
          </p:cNvPicPr>
          <p:nvPr userDrawn="1"/>
        </p:nvPicPr>
        <p:blipFill rotWithShape="1">
          <a:blip r:embed="rId3">
            <a:extLst>
              <a:ext uri="{28A0092B-C50C-407E-A947-70E740481C1C}">
                <a14:useLocalDpi xmlns:a14="http://schemas.microsoft.com/office/drawing/2010/main"/>
              </a:ext>
            </a:extLst>
          </a:blip>
          <a:srcRect/>
          <a:stretch/>
        </p:blipFill>
        <p:spPr>
          <a:xfrm>
            <a:off x="5219862" y="1101138"/>
            <a:ext cx="2534277" cy="4913784"/>
          </a:xfrm>
          <a:prstGeom prst="rect">
            <a:avLst/>
          </a:prstGeom>
        </p:spPr>
      </p:pic>
      <p:sp>
        <p:nvSpPr>
          <p:cNvPr id="11" name="Picture Placeholder 9">
            <a:extLst>
              <a:ext uri="{FF2B5EF4-FFF2-40B4-BE49-F238E27FC236}">
                <a16:creationId xmlns:a16="http://schemas.microsoft.com/office/drawing/2014/main" id="{CEB65B4F-7599-74DF-EBA5-202E26CEB3A0}"/>
              </a:ext>
            </a:extLst>
          </p:cNvPr>
          <p:cNvSpPr>
            <a:spLocks noGrp="1"/>
          </p:cNvSpPr>
          <p:nvPr>
            <p:ph type="pic" sz="quarter" idx="13"/>
          </p:nvPr>
        </p:nvSpPr>
        <p:spPr>
          <a:xfrm>
            <a:off x="5536800" y="2478600"/>
            <a:ext cx="1900800" cy="190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565ECB4D-3B90-B975-5CC9-1D11DD4EF386}"/>
              </a:ext>
            </a:extLst>
          </p:cNvPr>
          <p:cNvSpPr>
            <a:spLocks noGrp="1"/>
          </p:cNvSpPr>
          <p:nvPr>
            <p:ph type="pic" sz="quarter" idx="14"/>
          </p:nvPr>
        </p:nvSpPr>
        <p:spPr>
          <a:xfrm>
            <a:off x="7610400" y="2478600"/>
            <a:ext cx="1900800" cy="1900800"/>
          </a:xfrm>
          <a:solidFill>
            <a:schemeClr val="accent6"/>
          </a:solidFill>
        </p:spPr>
        <p:txBody>
          <a:bodyPr tIns="648000" anchor="ctr" anchorCtr="0"/>
          <a:lstStyle>
            <a:lvl1pPr algn="ctr">
              <a:defRPr/>
            </a:lvl1pPr>
          </a:lstStyle>
          <a:p>
            <a:endParaRPr lang="en-GB"/>
          </a:p>
        </p:txBody>
      </p:sp>
      <p:sp>
        <p:nvSpPr>
          <p:cNvPr id="13" name="Picture Placeholder 9">
            <a:extLst>
              <a:ext uri="{FF2B5EF4-FFF2-40B4-BE49-F238E27FC236}">
                <a16:creationId xmlns:a16="http://schemas.microsoft.com/office/drawing/2014/main" id="{C74AAC9F-FD31-5ADB-B824-244A1923756D}"/>
              </a:ext>
            </a:extLst>
          </p:cNvPr>
          <p:cNvSpPr>
            <a:spLocks noGrp="1"/>
          </p:cNvSpPr>
          <p:nvPr>
            <p:ph type="pic" sz="quarter" idx="15"/>
          </p:nvPr>
        </p:nvSpPr>
        <p:spPr>
          <a:xfrm>
            <a:off x="9570475" y="2478600"/>
            <a:ext cx="1900800" cy="1900800"/>
          </a:xfrm>
          <a:solidFill>
            <a:schemeClr val="accent6"/>
          </a:solidFill>
        </p:spPr>
        <p:txBody>
          <a:bodyPr tIns="648000" anchor="ctr" anchorCtr="0"/>
          <a:lstStyle>
            <a:lvl1pPr algn="ctr">
              <a:defRPr/>
            </a:lvl1pPr>
          </a:lstStyle>
          <a:p>
            <a:endParaRPr lang="en-GB"/>
          </a:p>
        </p:txBody>
      </p:sp>
      <p:sp>
        <p:nvSpPr>
          <p:cNvPr id="15" name="Footers" descr="{&quot;templafy&quot;:{&quot;id&quot;:&quot;9f113c1b-1e68-4d5d-9404-b1c9682e1dc7&quot;}}">
            <a:extLst>
              <a:ext uri="{FF2B5EF4-FFF2-40B4-BE49-F238E27FC236}">
                <a16:creationId xmlns:a16="http://schemas.microsoft.com/office/drawing/2014/main" id="{E089BA30-0544-BB92-B27F-1E09FDA031B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2169617449"/>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6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292FE098-B469-3A47-BA2A-309CC302FFF0}" type="datetime4">
              <a:rPr lang="en-US" noProof="0" smtClean="0"/>
              <a:t>September 8,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Picture 5">
            <a:extLst>
              <a:ext uri="{FF2B5EF4-FFF2-40B4-BE49-F238E27FC236}">
                <a16:creationId xmlns:a16="http://schemas.microsoft.com/office/drawing/2014/main" id="{2F85D50D-0CD8-D2EA-90C7-9BFF908C9B03}"/>
              </a:ext>
            </a:extLst>
          </p:cNvPr>
          <p:cNvPicPr>
            <a:picLocks noChangeAspect="1"/>
          </p:cNvPicPr>
          <p:nvPr userDrawn="1"/>
        </p:nvPicPr>
        <p:blipFill rotWithShape="1">
          <a:blip r:embed="rId3">
            <a:extLst>
              <a:ext uri="{28A0092B-C50C-407E-A947-70E740481C1C}">
                <a14:useLocalDpi xmlns:a14="http://schemas.microsoft.com/office/drawing/2010/main"/>
              </a:ext>
            </a:extLst>
          </a:blip>
          <a:srcRect/>
          <a:stretch/>
        </p:blipFill>
        <p:spPr>
          <a:xfrm>
            <a:off x="339903" y="1412777"/>
            <a:ext cx="3724097" cy="5445224"/>
          </a:xfrm>
          <a:prstGeom prst="rect">
            <a:avLst/>
          </a:prstGeom>
        </p:spPr>
      </p:pic>
      <p:sp>
        <p:nvSpPr>
          <p:cNvPr id="12" name="Picture Placeholder 9">
            <a:extLst>
              <a:ext uri="{FF2B5EF4-FFF2-40B4-BE49-F238E27FC236}">
                <a16:creationId xmlns:a16="http://schemas.microsoft.com/office/drawing/2014/main" id="{89AD0377-EEF4-2BE2-7A2F-129C1089A4BB}"/>
              </a:ext>
            </a:extLst>
          </p:cNvPr>
          <p:cNvSpPr>
            <a:spLocks noGrp="1" noChangeAspect="1"/>
          </p:cNvSpPr>
          <p:nvPr>
            <p:ph type="pic" sz="quarter" idx="15"/>
          </p:nvPr>
        </p:nvSpPr>
        <p:spPr>
          <a:xfrm>
            <a:off x="868151" y="3463200"/>
            <a:ext cx="2667600" cy="2667600"/>
          </a:xfrm>
          <a:solidFill>
            <a:schemeClr val="accent6"/>
          </a:solidFill>
        </p:spPr>
        <p:txBody>
          <a:bodyPr tIns="648000" anchor="ctr" anchorCtr="0"/>
          <a:lstStyle>
            <a:lvl1pPr algn="ctr">
              <a:defRPr/>
            </a:lvl1pPr>
          </a:lstStyle>
          <a:p>
            <a:endParaRPr lang="en-GB"/>
          </a:p>
        </p:txBody>
      </p:sp>
      <p:sp>
        <p:nvSpPr>
          <p:cNvPr id="9" name="Rectangle 8">
            <a:extLst>
              <a:ext uri="{FF2B5EF4-FFF2-40B4-BE49-F238E27FC236}">
                <a16:creationId xmlns:a16="http://schemas.microsoft.com/office/drawing/2014/main" id="{13F15F2C-F25B-7919-7155-CF3E6B955963}"/>
              </a:ext>
            </a:extLst>
          </p:cNvPr>
          <p:cNvSpPr/>
          <p:nvPr userDrawn="1"/>
        </p:nvSpPr>
        <p:spPr>
          <a:xfrm>
            <a:off x="3875404" y="2742753"/>
            <a:ext cx="2412998" cy="72008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3" name="Rectangle 12">
            <a:extLst>
              <a:ext uri="{FF2B5EF4-FFF2-40B4-BE49-F238E27FC236}">
                <a16:creationId xmlns:a16="http://schemas.microsoft.com/office/drawing/2014/main" id="{F39462A8-BA13-5816-CC98-AE8BB418785C}"/>
              </a:ext>
            </a:extLst>
          </p:cNvPr>
          <p:cNvSpPr/>
          <p:nvPr userDrawn="1"/>
        </p:nvSpPr>
        <p:spPr>
          <a:xfrm>
            <a:off x="6455926" y="2742753"/>
            <a:ext cx="2412998" cy="72008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4" name="Rectangle 13">
            <a:extLst>
              <a:ext uri="{FF2B5EF4-FFF2-40B4-BE49-F238E27FC236}">
                <a16:creationId xmlns:a16="http://schemas.microsoft.com/office/drawing/2014/main" id="{2621D1A5-EF12-E62C-AC4E-BE6CA3AB39B5}"/>
              </a:ext>
            </a:extLst>
          </p:cNvPr>
          <p:cNvSpPr/>
          <p:nvPr userDrawn="1"/>
        </p:nvSpPr>
        <p:spPr>
          <a:xfrm>
            <a:off x="9053513" y="2742753"/>
            <a:ext cx="2437413" cy="72008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5" name="Picture Placeholder 9">
            <a:extLst>
              <a:ext uri="{FF2B5EF4-FFF2-40B4-BE49-F238E27FC236}">
                <a16:creationId xmlns:a16="http://schemas.microsoft.com/office/drawing/2014/main" id="{309FF903-CC38-4C37-5750-8228E5B698D9}"/>
              </a:ext>
            </a:extLst>
          </p:cNvPr>
          <p:cNvSpPr>
            <a:spLocks noGrp="1" noChangeAspect="1"/>
          </p:cNvSpPr>
          <p:nvPr>
            <p:ph type="pic" sz="quarter" idx="13"/>
          </p:nvPr>
        </p:nvSpPr>
        <p:spPr>
          <a:xfrm>
            <a:off x="3875903" y="3589200"/>
            <a:ext cx="2412000" cy="2412000"/>
          </a:xfrm>
          <a:solidFill>
            <a:schemeClr val="accent6"/>
          </a:solidFill>
        </p:spPr>
        <p:txBody>
          <a:bodyPr tIns="648000" anchor="ctr" anchorCtr="0"/>
          <a:lstStyle>
            <a:lvl1pPr algn="ctr">
              <a:defRPr/>
            </a:lvl1pPr>
          </a:lstStyle>
          <a:p>
            <a:endParaRPr lang="en-GB"/>
          </a:p>
        </p:txBody>
      </p:sp>
      <p:sp>
        <p:nvSpPr>
          <p:cNvPr id="16" name="Picture Placeholder 9">
            <a:extLst>
              <a:ext uri="{FF2B5EF4-FFF2-40B4-BE49-F238E27FC236}">
                <a16:creationId xmlns:a16="http://schemas.microsoft.com/office/drawing/2014/main" id="{5AFC5333-4349-556A-AA4C-8264633D8826}"/>
              </a:ext>
            </a:extLst>
          </p:cNvPr>
          <p:cNvSpPr>
            <a:spLocks noGrp="1" noChangeAspect="1"/>
          </p:cNvSpPr>
          <p:nvPr>
            <p:ph type="pic" sz="quarter" idx="14"/>
          </p:nvPr>
        </p:nvSpPr>
        <p:spPr>
          <a:xfrm>
            <a:off x="6456425" y="3589200"/>
            <a:ext cx="2412000" cy="2412000"/>
          </a:xfrm>
          <a:solidFill>
            <a:schemeClr val="accent6"/>
          </a:solidFill>
        </p:spPr>
        <p:txBody>
          <a:bodyPr tIns="648000" anchor="ctr" anchorCtr="0"/>
          <a:lstStyle>
            <a:lvl1pPr algn="ctr">
              <a:defRPr/>
            </a:lvl1pPr>
          </a:lstStyle>
          <a:p>
            <a:endParaRPr lang="en-GB"/>
          </a:p>
        </p:txBody>
      </p:sp>
      <p:sp>
        <p:nvSpPr>
          <p:cNvPr id="17" name="Picture Placeholder 9">
            <a:extLst>
              <a:ext uri="{FF2B5EF4-FFF2-40B4-BE49-F238E27FC236}">
                <a16:creationId xmlns:a16="http://schemas.microsoft.com/office/drawing/2014/main" id="{76FE539F-EA02-11A6-24A3-64094D6D449E}"/>
              </a:ext>
            </a:extLst>
          </p:cNvPr>
          <p:cNvSpPr>
            <a:spLocks noGrp="1" noChangeAspect="1"/>
          </p:cNvSpPr>
          <p:nvPr>
            <p:ph type="pic" sz="quarter" idx="16"/>
          </p:nvPr>
        </p:nvSpPr>
        <p:spPr>
          <a:xfrm>
            <a:off x="9066219" y="3589200"/>
            <a:ext cx="2412000" cy="2412000"/>
          </a:xfrm>
          <a:solidFill>
            <a:schemeClr val="accent6"/>
          </a:solidFill>
        </p:spPr>
        <p:txBody>
          <a:bodyPr tIns="648000" anchor="ctr" anchorCtr="0"/>
          <a:lstStyle>
            <a:lvl1pPr algn="ctr">
              <a:defRPr/>
            </a:lvl1pPr>
          </a:lstStyle>
          <a:p>
            <a:endParaRPr lang="en-GB"/>
          </a:p>
        </p:txBody>
      </p:sp>
      <p:sp>
        <p:nvSpPr>
          <p:cNvPr id="18" name="Content Placeholder 3">
            <a:extLst>
              <a:ext uri="{FF2B5EF4-FFF2-40B4-BE49-F238E27FC236}">
                <a16:creationId xmlns:a16="http://schemas.microsoft.com/office/drawing/2014/main" id="{0812D6A1-9301-DA4C-0FE8-A2FA9AC562DA}"/>
              </a:ext>
            </a:extLst>
          </p:cNvPr>
          <p:cNvSpPr>
            <a:spLocks noGrp="1"/>
          </p:cNvSpPr>
          <p:nvPr>
            <p:ph sz="quarter" idx="17" hasCustomPrompt="1"/>
          </p:nvPr>
        </p:nvSpPr>
        <p:spPr>
          <a:xfrm>
            <a:off x="3875903"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19" name="Content Placeholder 3">
            <a:extLst>
              <a:ext uri="{FF2B5EF4-FFF2-40B4-BE49-F238E27FC236}">
                <a16:creationId xmlns:a16="http://schemas.microsoft.com/office/drawing/2014/main" id="{1A5EDA48-C466-DD48-83BE-B58C6F8C2FE1}"/>
              </a:ext>
            </a:extLst>
          </p:cNvPr>
          <p:cNvSpPr>
            <a:spLocks noGrp="1"/>
          </p:cNvSpPr>
          <p:nvPr>
            <p:ph sz="quarter" idx="18" hasCustomPrompt="1"/>
          </p:nvPr>
        </p:nvSpPr>
        <p:spPr>
          <a:xfrm>
            <a:off x="6456425"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20" name="Content Placeholder 3">
            <a:extLst>
              <a:ext uri="{FF2B5EF4-FFF2-40B4-BE49-F238E27FC236}">
                <a16:creationId xmlns:a16="http://schemas.microsoft.com/office/drawing/2014/main" id="{C7BD399E-3BDD-357D-3173-CEF24905CB9E}"/>
              </a:ext>
            </a:extLst>
          </p:cNvPr>
          <p:cNvSpPr>
            <a:spLocks noGrp="1"/>
          </p:cNvSpPr>
          <p:nvPr>
            <p:ph sz="quarter" idx="19" hasCustomPrompt="1"/>
          </p:nvPr>
        </p:nvSpPr>
        <p:spPr>
          <a:xfrm>
            <a:off x="9066219"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8" name="Text Placeholder 7">
            <a:extLst>
              <a:ext uri="{FF2B5EF4-FFF2-40B4-BE49-F238E27FC236}">
                <a16:creationId xmlns:a16="http://schemas.microsoft.com/office/drawing/2014/main" id="{8D63E4F2-A49E-1CAC-AD88-6A5278BE8C84}"/>
              </a:ext>
            </a:extLst>
          </p:cNvPr>
          <p:cNvSpPr>
            <a:spLocks noGrp="1"/>
          </p:cNvSpPr>
          <p:nvPr>
            <p:ph type="body" sz="quarter" idx="20" hasCustomPrompt="1"/>
          </p:nvPr>
        </p:nvSpPr>
        <p:spPr>
          <a:xfrm>
            <a:off x="4064000"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0" name="Text Placeholder 7">
            <a:extLst>
              <a:ext uri="{FF2B5EF4-FFF2-40B4-BE49-F238E27FC236}">
                <a16:creationId xmlns:a16="http://schemas.microsoft.com/office/drawing/2014/main" id="{215F6F11-90AC-E501-9C5A-58F94185AE59}"/>
              </a:ext>
            </a:extLst>
          </p:cNvPr>
          <p:cNvSpPr>
            <a:spLocks noGrp="1"/>
          </p:cNvSpPr>
          <p:nvPr>
            <p:ph type="body" sz="quarter" idx="21" hasCustomPrompt="1"/>
          </p:nvPr>
        </p:nvSpPr>
        <p:spPr>
          <a:xfrm>
            <a:off x="6647225"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1" name="Text Placeholder 7">
            <a:extLst>
              <a:ext uri="{FF2B5EF4-FFF2-40B4-BE49-F238E27FC236}">
                <a16:creationId xmlns:a16="http://schemas.microsoft.com/office/drawing/2014/main" id="{61049E31-3DE3-F475-AAC8-ED15887EDCCB}"/>
              </a:ext>
            </a:extLst>
          </p:cNvPr>
          <p:cNvSpPr>
            <a:spLocks noGrp="1"/>
          </p:cNvSpPr>
          <p:nvPr>
            <p:ph type="body" sz="quarter" idx="22" hasCustomPrompt="1"/>
          </p:nvPr>
        </p:nvSpPr>
        <p:spPr>
          <a:xfrm>
            <a:off x="9257019"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Tree>
    <p:extLst>
      <p:ext uri="{BB962C8B-B14F-4D97-AF65-F5344CB8AC3E}">
        <p14:creationId xmlns:p14="http://schemas.microsoft.com/office/powerpoint/2010/main" val="3482306070"/>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1" userDrawn="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4545805" y="1854992"/>
            <a:ext cx="1879200" cy="406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11D87860-7BDA-6ACF-8AD2-853F44125DA8}"/>
              </a:ext>
            </a:extLst>
          </p:cNvPr>
          <p:cNvSpPr>
            <a:spLocks noGrp="1"/>
          </p:cNvSpPr>
          <p:nvPr>
            <p:ph type="pic" sz="quarter" idx="15"/>
          </p:nvPr>
        </p:nvSpPr>
        <p:spPr>
          <a:xfrm>
            <a:off x="9453733" y="1854992"/>
            <a:ext cx="1879200" cy="4060800"/>
          </a:xfrm>
          <a:solidFill>
            <a:schemeClr val="accent6"/>
          </a:solidFill>
        </p:spPr>
        <p:txBody>
          <a:bodyPr tIns="648000" anchor="ctr" anchorCtr="0"/>
          <a:lstStyle>
            <a:lvl1pPr algn="ctr">
              <a:defRPr/>
            </a:lvl1pPr>
          </a:lstStyle>
          <a:p>
            <a:endParaRPr lang="en-GB"/>
          </a:p>
        </p:txBody>
      </p:sp>
      <p:pic>
        <p:nvPicPr>
          <p:cNvPr id="19" name="Picture 18">
            <a:extLst>
              <a:ext uri="{FF2B5EF4-FFF2-40B4-BE49-F238E27FC236}">
                <a16:creationId xmlns:a16="http://schemas.microsoft.com/office/drawing/2014/main" id="{57BB32CB-B29F-4116-9105-192016E0603A}"/>
              </a:ext>
            </a:extLst>
          </p:cNvPr>
          <p:cNvPicPr>
            <a:picLocks noChangeAspect="1"/>
          </p:cNvPicPr>
          <p:nvPr userDrawn="1"/>
        </p:nvPicPr>
        <p:blipFill rotWithShape="1">
          <a:blip r:embed="rId3">
            <a:extLst>
              <a:ext uri="{28A0092B-C50C-407E-A947-70E740481C1C}">
                <a14:useLocalDpi xmlns:a14="http://schemas.microsoft.com/office/drawing/2010/main"/>
              </a:ext>
            </a:extLst>
          </a:blip>
          <a:srcRect l="-3274" t="-1316" r="-5903" b="1316"/>
          <a:stretch/>
        </p:blipFill>
        <p:spPr>
          <a:xfrm>
            <a:off x="4218695" y="1484783"/>
            <a:ext cx="2591760" cy="4652492"/>
          </a:xfrm>
          <a:prstGeom prst="rect">
            <a:avLst/>
          </a:prstGeom>
          <a:effectLst>
            <a:reflection blurRad="39573" stA="28000" endPos="4000" dist="50800" dir="5400000" sy="-100000" algn="bl" rotWithShape="0"/>
          </a:effectLst>
        </p:spPr>
      </p:pic>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66349CEF-F1C2-AC44-998F-6FBDF9283248}" type="datetime4">
              <a:rPr lang="en-US" noProof="0" smtClean="0"/>
              <a:t>September 8,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D6EE0956-AB5F-AC03-EAB3-36441D88518A}"/>
              </a:ext>
            </a:extLst>
          </p:cNvPr>
          <p:cNvPicPr>
            <a:picLocks noChangeAspect="1"/>
          </p:cNvPicPr>
          <p:nvPr userDrawn="1"/>
        </p:nvPicPr>
        <p:blipFill rotWithShape="1">
          <a:blip r:embed="rId3">
            <a:extLst>
              <a:ext uri="{28A0092B-C50C-407E-A947-70E740481C1C}">
                <a14:useLocalDpi xmlns:a14="http://schemas.microsoft.com/office/drawing/2010/main"/>
              </a:ext>
            </a:extLst>
          </a:blip>
          <a:srcRect l="-3274" t="-1316" r="-5903" b="1316"/>
          <a:stretch/>
        </p:blipFill>
        <p:spPr>
          <a:xfrm>
            <a:off x="9125433" y="1492098"/>
            <a:ext cx="2591760" cy="4652492"/>
          </a:xfrm>
          <a:prstGeom prst="rect">
            <a:avLst/>
          </a:prstGeom>
          <a:effectLst>
            <a:reflection blurRad="39573" stA="28000" endPos="4000" dist="50800" dir="5400000" sy="-100000" algn="bl" rotWithShape="0"/>
          </a:effectLst>
        </p:spPr>
      </p:pic>
      <p:sp>
        <p:nvSpPr>
          <p:cNvPr id="16" name="Picture Placeholder 9">
            <a:extLst>
              <a:ext uri="{FF2B5EF4-FFF2-40B4-BE49-F238E27FC236}">
                <a16:creationId xmlns:a16="http://schemas.microsoft.com/office/drawing/2014/main" id="{17DACB36-D4E1-F498-4226-F130DA4F5BC7}"/>
              </a:ext>
            </a:extLst>
          </p:cNvPr>
          <p:cNvSpPr>
            <a:spLocks noGrp="1"/>
          </p:cNvSpPr>
          <p:nvPr>
            <p:ph type="pic" sz="quarter" idx="16"/>
          </p:nvPr>
        </p:nvSpPr>
        <p:spPr>
          <a:xfrm>
            <a:off x="7000364" y="1854992"/>
            <a:ext cx="1879200" cy="4060800"/>
          </a:xfrm>
          <a:solidFill>
            <a:schemeClr val="accent6"/>
          </a:solidFill>
        </p:spPr>
        <p:txBody>
          <a:bodyPr tIns="648000" anchor="ctr" anchorCtr="0"/>
          <a:lstStyle>
            <a:lvl1pPr algn="ctr">
              <a:defRPr/>
            </a:lvl1pPr>
          </a:lstStyle>
          <a:p>
            <a:endParaRPr lang="en-GB"/>
          </a:p>
        </p:txBody>
      </p:sp>
      <p:pic>
        <p:nvPicPr>
          <p:cNvPr id="17" name="Picture 16">
            <a:extLst>
              <a:ext uri="{FF2B5EF4-FFF2-40B4-BE49-F238E27FC236}">
                <a16:creationId xmlns:a16="http://schemas.microsoft.com/office/drawing/2014/main" id="{2605CA00-36D2-E3AA-8BE8-1E472C3C45D4}"/>
              </a:ext>
            </a:extLst>
          </p:cNvPr>
          <p:cNvPicPr>
            <a:picLocks noChangeAspect="1"/>
          </p:cNvPicPr>
          <p:nvPr userDrawn="1"/>
        </p:nvPicPr>
        <p:blipFill rotWithShape="1">
          <a:blip r:embed="rId3">
            <a:extLst>
              <a:ext uri="{28A0092B-C50C-407E-A947-70E740481C1C}">
                <a14:useLocalDpi xmlns:a14="http://schemas.microsoft.com/office/drawing/2010/main"/>
              </a:ext>
            </a:extLst>
          </a:blip>
          <a:srcRect l="-3274" t="-1316" r="-5903" b="1316"/>
          <a:stretch/>
        </p:blipFill>
        <p:spPr>
          <a:xfrm>
            <a:off x="6672064" y="1484783"/>
            <a:ext cx="2591760" cy="4652492"/>
          </a:xfrm>
          <a:prstGeom prst="rect">
            <a:avLst/>
          </a:prstGeom>
          <a:effectLst>
            <a:reflection blurRad="39573" stA="28000" endPos="4000" dist="50800" dir="5400000" sy="-100000" algn="bl" rotWithShape="0"/>
          </a:effectLst>
        </p:spPr>
      </p:pic>
    </p:spTree>
    <p:extLst>
      <p:ext uri="{BB962C8B-B14F-4D97-AF65-F5344CB8AC3E}">
        <p14:creationId xmlns:p14="http://schemas.microsoft.com/office/powerpoint/2010/main" val="1956131053"/>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0" name="Picture 9">
            <a:extLst>
              <a:ext uri="{FF2B5EF4-FFF2-40B4-BE49-F238E27FC236}">
                <a16:creationId xmlns:a16="http://schemas.microsoft.com/office/drawing/2014/main" id="{E9147874-D641-36E1-03C9-5414641E949D}"/>
              </a:ext>
            </a:extLst>
          </p:cNvPr>
          <p:cNvPicPr>
            <a:picLocks noChangeAspect="1"/>
          </p:cNvPicPr>
          <p:nvPr userDrawn="1"/>
        </p:nvPicPr>
        <p:blipFill>
          <a:blip r:embed="rId3">
            <a:extLst>
              <a:ext uri="{28A0092B-C50C-407E-A947-70E740481C1C}">
                <a14:useLocalDpi xmlns:a14="http://schemas.microsoft.com/office/drawing/2010/main"/>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Picture Placeholder 9">
            <a:extLst>
              <a:ext uri="{FF2B5EF4-FFF2-40B4-BE49-F238E27FC236}">
                <a16:creationId xmlns:a16="http://schemas.microsoft.com/office/drawing/2014/main" id="{CEB65B4F-7599-74DF-EBA5-202E26CEB3A0}"/>
              </a:ext>
            </a:extLst>
          </p:cNvPr>
          <p:cNvSpPr>
            <a:spLocks noGrp="1" noChangeAspect="1"/>
          </p:cNvSpPr>
          <p:nvPr>
            <p:ph type="pic" sz="quarter" idx="13"/>
          </p:nvPr>
        </p:nvSpPr>
        <p:spPr>
          <a:xfrm>
            <a:off x="5210176" y="2034000"/>
            <a:ext cx="5608678" cy="3341275"/>
          </a:xfrm>
          <a:solidFill>
            <a:schemeClr val="accent6"/>
          </a:solidFill>
        </p:spPr>
        <p:txBody>
          <a:bodyPr tIns="648000" anchor="ctr" anchorCtr="0"/>
          <a:lstStyle>
            <a:lvl1pPr algn="ctr">
              <a:defRPr/>
            </a:lvl1pPr>
          </a:lstStyle>
          <a:p>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CF34CBA6-23B4-724A-ACE3-287DC5BFFD02}" type="datetime4">
              <a:rPr lang="en-US" smtClean="0"/>
              <a:t>September 8,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6" name="Picture Placeholder 9">
            <a:extLst>
              <a:ext uri="{FF2B5EF4-FFF2-40B4-BE49-F238E27FC236}">
                <a16:creationId xmlns:a16="http://schemas.microsoft.com/office/drawing/2014/main" id="{D1D222DE-C8E6-D25C-E6F2-0624A2B9EC69}"/>
              </a:ext>
            </a:extLst>
          </p:cNvPr>
          <p:cNvSpPr>
            <a:spLocks noGrp="1" noChangeAspect="1"/>
          </p:cNvSpPr>
          <p:nvPr>
            <p:ph type="pic" sz="quarter" idx="25"/>
          </p:nvPr>
        </p:nvSpPr>
        <p:spPr>
          <a:xfrm>
            <a:off x="10220325" y="3143249"/>
            <a:ext cx="1355726" cy="2936875"/>
          </a:xfrm>
          <a:solidFill>
            <a:schemeClr val="accent6"/>
          </a:solidFill>
        </p:spPr>
        <p:txBody>
          <a:bodyPr tIns="648000" anchor="ctr" anchorCtr="0"/>
          <a:lstStyle>
            <a:lvl1pPr algn="ctr">
              <a:defRPr/>
            </a:lvl1pPr>
          </a:lstStyle>
          <a:p>
            <a:endParaRPr lang="en-GB"/>
          </a:p>
        </p:txBody>
      </p:sp>
      <p:pic>
        <p:nvPicPr>
          <p:cNvPr id="8" name="Picture 7">
            <a:extLst>
              <a:ext uri="{FF2B5EF4-FFF2-40B4-BE49-F238E27FC236}">
                <a16:creationId xmlns:a16="http://schemas.microsoft.com/office/drawing/2014/main" id="{4AB84BED-AAA1-1FE1-26B0-C3711E7D6506}"/>
              </a:ext>
            </a:extLst>
          </p:cNvPr>
          <p:cNvPicPr>
            <a:picLocks noChangeAspect="1"/>
          </p:cNvPicPr>
          <p:nvPr userDrawn="1"/>
        </p:nvPicPr>
        <p:blipFill rotWithShape="1">
          <a:blip r:embed="rId4">
            <a:extLst>
              <a:ext uri="{28A0092B-C50C-407E-A947-70E740481C1C}">
                <a14:useLocalDpi xmlns:a14="http://schemas.microsoft.com/office/drawing/2010/main"/>
              </a:ext>
            </a:extLst>
          </a:blip>
          <a:srcRect l="-3274" t="-1316" r="-5903" b="1316"/>
          <a:stretch/>
        </p:blipFill>
        <p:spPr>
          <a:xfrm>
            <a:off x="9980535" y="2869499"/>
            <a:ext cx="1876105" cy="3367813"/>
          </a:xfrm>
          <a:prstGeom prst="rect">
            <a:avLst/>
          </a:prstGeom>
          <a:effectLst>
            <a:reflection blurRad="39573" stA="28000" endPos="4000" dist="50800" dir="5400000" sy="-100000" algn="bl" rotWithShape="0"/>
          </a:effectLst>
        </p:spPr>
      </p:pic>
      <p:sp>
        <p:nvSpPr>
          <p:cNvPr id="13" name="Footers" descr="{&quot;templafy&quot;:{&quot;id&quot;:&quot;4aaff1e3-4aeb-4ab6-970c-e6644a7151c2&quot;}}">
            <a:extLst>
              <a:ext uri="{FF2B5EF4-FFF2-40B4-BE49-F238E27FC236}">
                <a16:creationId xmlns:a16="http://schemas.microsoft.com/office/drawing/2014/main" id="{2AA3E128-5B68-28FB-4891-492AE777546C}"/>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928761289"/>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200650" y="2041524"/>
            <a:ext cx="5591175" cy="3343275"/>
          </a:xfrm>
          <a:solidFill>
            <a:schemeClr val="accent6"/>
          </a:solidFill>
        </p:spPr>
        <p:txBody>
          <a:bodyPr tIns="648000" anchor="ctr" anchorCtr="0"/>
          <a:lstStyle>
            <a:lvl1pPr algn="ctr">
              <a:defRPr/>
            </a:lvl1pPr>
          </a:lstStyle>
          <a:p>
            <a:endParaRPr lang="en-GB"/>
          </a:p>
        </p:txBody>
      </p:sp>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D378CC5B-3460-BE42-939A-90AAC85DE8BB}" type="datetime4">
              <a:rPr lang="en-US" noProof="0" smtClean="0"/>
              <a:t>September 8,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344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535D7C6D-AFB7-4703-6ED0-E0A861DE5654}"/>
              </a:ext>
            </a:extLst>
          </p:cNvPr>
          <p:cNvPicPr>
            <a:picLocks noChangeAspect="1"/>
          </p:cNvPicPr>
          <p:nvPr userDrawn="1"/>
        </p:nvPicPr>
        <p:blipFill>
          <a:blip r:embed="rId3">
            <a:extLst>
              <a:ext uri="{28A0092B-C50C-407E-A947-70E740481C1C}">
                <a14:useLocalDpi xmlns:a14="http://schemas.microsoft.com/office/drawing/2010/main"/>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Tree>
    <p:extLst>
      <p:ext uri="{BB962C8B-B14F-4D97-AF65-F5344CB8AC3E}">
        <p14:creationId xmlns:p14="http://schemas.microsoft.com/office/powerpoint/2010/main" val="1434325916"/>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2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A575A06F-14F8-9E41-A508-F79037F70E01}" type="datetime4">
              <a:rPr lang="en-US" smtClean="0"/>
              <a:t>September 8,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3345689" cy="907188"/>
          </a:xfrm>
        </p:spPr>
        <p:txBody>
          <a:bodyPr/>
          <a:lstStyle>
            <a:lvl1pPr>
              <a:defRPr b="1">
                <a:solidFill>
                  <a:schemeClr val="bg1"/>
                </a:solidFill>
              </a:defRPr>
            </a:lvl1pPr>
          </a:lstStyle>
          <a:p>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33486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8" name="Picture Placeholder 9">
            <a:extLst>
              <a:ext uri="{FF2B5EF4-FFF2-40B4-BE49-F238E27FC236}">
                <a16:creationId xmlns:a16="http://schemas.microsoft.com/office/drawing/2014/main" id="{8D819A63-FF9D-A3D7-5D19-99428A5AB4F1}"/>
              </a:ext>
            </a:extLst>
          </p:cNvPr>
          <p:cNvSpPr>
            <a:spLocks noGrp="1"/>
          </p:cNvSpPr>
          <p:nvPr>
            <p:ph type="pic" sz="quarter" idx="13"/>
          </p:nvPr>
        </p:nvSpPr>
        <p:spPr>
          <a:xfrm>
            <a:off x="5214938" y="2034000"/>
            <a:ext cx="5572125" cy="3347625"/>
          </a:xfrm>
          <a:solidFill>
            <a:schemeClr val="accent6"/>
          </a:solidFill>
        </p:spPr>
        <p:txBody>
          <a:bodyPr tIns="648000" anchor="ctr" anchorCtr="0"/>
          <a:lstStyle>
            <a:lvl1pPr algn="ctr">
              <a:defRPr/>
            </a:lvl1pPr>
          </a:lstStyle>
          <a:p>
            <a:endParaRPr lang="en-GB"/>
          </a:p>
        </p:txBody>
      </p:sp>
      <p:pic>
        <p:nvPicPr>
          <p:cNvPr id="12" name="Picture 11">
            <a:extLst>
              <a:ext uri="{FF2B5EF4-FFF2-40B4-BE49-F238E27FC236}">
                <a16:creationId xmlns:a16="http://schemas.microsoft.com/office/drawing/2014/main" id="{F39E2188-EF07-418A-877E-B5F25E893A69}"/>
              </a:ext>
            </a:extLst>
          </p:cNvPr>
          <p:cNvPicPr>
            <a:picLocks noChangeAspect="1"/>
          </p:cNvPicPr>
          <p:nvPr userDrawn="1"/>
        </p:nvPicPr>
        <p:blipFill>
          <a:blip r:embed="rId3">
            <a:extLst>
              <a:ext uri="{28A0092B-C50C-407E-A947-70E740481C1C}">
                <a14:useLocalDpi xmlns:a14="http://schemas.microsoft.com/office/drawing/2010/main"/>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Footers" descr="{&quot;templafy&quot;:{&quot;id&quot;:&quot;5701762b-2ddd-415c-9f10-2849eeb3ef06&quot;}}">
            <a:extLst>
              <a:ext uri="{FF2B5EF4-FFF2-40B4-BE49-F238E27FC236}">
                <a16:creationId xmlns:a16="http://schemas.microsoft.com/office/drawing/2014/main" id="{E437CE73-48A8-6501-39C1-A1E43A2B9173}"/>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Tree>
    <p:extLst>
      <p:ext uri="{BB962C8B-B14F-4D97-AF65-F5344CB8AC3E}">
        <p14:creationId xmlns:p14="http://schemas.microsoft.com/office/powerpoint/2010/main" val="3213986092"/>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7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F21E9437-E9FE-CAAE-4F68-755791724105}"/>
              </a:ext>
            </a:extLst>
          </p:cNvPr>
          <p:cNvPicPr>
            <a:picLocks noChangeAspect="1"/>
          </p:cNvPicPr>
          <p:nvPr userDrawn="1"/>
        </p:nvPicPr>
        <p:blipFill rotWithShape="1">
          <a:blip r:embed="rId3" cstate="hqprint">
            <a:extLst>
              <a:ext uri="{28A0092B-C50C-407E-A947-70E740481C1C}">
                <a14:useLocalDpi xmlns:a14="http://schemas.microsoft.com/office/drawing/2010/main"/>
              </a:ext>
            </a:extLst>
          </a:blip>
          <a:srcRect/>
          <a:stretch/>
        </p:blipFill>
        <p:spPr>
          <a:xfrm>
            <a:off x="2597949" y="4554"/>
            <a:ext cx="9594051" cy="6848892"/>
          </a:xfrm>
          <a:prstGeom prst="rect">
            <a:avLst/>
          </a:prstGeom>
        </p:spPr>
      </p:pic>
      <p:sp>
        <p:nvSpPr>
          <p:cNvPr id="17" name="Rectangle 16">
            <a:extLst>
              <a:ext uri="{FF2B5EF4-FFF2-40B4-BE49-F238E27FC236}">
                <a16:creationId xmlns:a16="http://schemas.microsoft.com/office/drawing/2014/main" id="{698F3588-281E-71E0-698D-DE2EFA5D7E6E}"/>
              </a:ext>
            </a:extLst>
          </p:cNvPr>
          <p:cNvSpPr/>
          <p:nvPr userDrawn="1"/>
        </p:nvSpPr>
        <p:spPr>
          <a:xfrm>
            <a:off x="0" y="1"/>
            <a:ext cx="3503778" cy="6858000"/>
          </a:xfrm>
          <a:prstGeom prst="rect">
            <a:avLst/>
          </a:prstGeom>
          <a:gradFill flip="none" rotWithShape="1">
            <a:gsLst>
              <a:gs pos="86000">
                <a:srgbClr val="1F538F"/>
              </a:gs>
              <a:gs pos="60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0567D335-D4B9-4949-8DC4-D49B01041DE2}" type="datetime4">
              <a:rPr lang="en-US" smtClean="0"/>
              <a:t>September 8,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9" y="720000"/>
            <a:ext cx="2417761" cy="907188"/>
          </a:xfrm>
        </p:spPr>
        <p:txBody>
          <a:bodyPr/>
          <a:lstStyle>
            <a:lvl1pPr>
              <a:defRPr b="1">
                <a:solidFill>
                  <a:schemeClr val="bg1"/>
                </a:solidFill>
              </a:defRPr>
            </a:lvl1pPr>
          </a:lstStyle>
          <a:p>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24215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Picture Placeholder 19">
            <a:extLst>
              <a:ext uri="{FF2B5EF4-FFF2-40B4-BE49-F238E27FC236}">
                <a16:creationId xmlns:a16="http://schemas.microsoft.com/office/drawing/2014/main" id="{43DD438D-2CD1-72E2-C5C5-E3BE4E453233}"/>
              </a:ext>
            </a:extLst>
          </p:cNvPr>
          <p:cNvSpPr>
            <a:spLocks noGrp="1"/>
          </p:cNvSpPr>
          <p:nvPr>
            <p:ph type="pic" sz="quarter" idx="25"/>
          </p:nvPr>
        </p:nvSpPr>
        <p:spPr>
          <a:xfrm>
            <a:off x="4127500" y="2048399"/>
            <a:ext cx="7082900" cy="2622025"/>
          </a:xfrm>
          <a:solidFill>
            <a:schemeClr val="bg1"/>
          </a:solidFill>
        </p:spPr>
        <p:txBody>
          <a:bodyPr tIns="648000" anchor="ctr" anchorCtr="0"/>
          <a:lstStyle>
            <a:lvl1pPr algn="ctr">
              <a:defRPr/>
            </a:lvl1pPr>
          </a:lstStyle>
          <a:p>
            <a:r>
              <a:rPr lang="en-GB" dirty="0"/>
              <a:t>Click icon to add picture</a:t>
            </a:r>
          </a:p>
        </p:txBody>
      </p:sp>
      <p:sp>
        <p:nvSpPr>
          <p:cNvPr id="8" name="Footers" descr="{&quot;templafy&quot;:{&quot;id&quot;:&quot;6f27a5ea-5194-4474-8f5a-b0c8f65deb8e&quot;}}">
            <a:extLst>
              <a:ext uri="{FF2B5EF4-FFF2-40B4-BE49-F238E27FC236}">
                <a16:creationId xmlns:a16="http://schemas.microsoft.com/office/drawing/2014/main" id="{6D57E22F-014A-FDF5-8749-C999CC6D20AD}"/>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698881230"/>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p>
            <a:fld id="{044E13F2-2E33-0D4C-9770-C6ABF2B09A7A}" type="datetime4">
              <a:rPr lang="en-US" noProof="0" smtClean="0"/>
              <a:t>September 8, 2023</a:t>
            </a:fld>
            <a:endParaRPr lang="en-US" noProof="0"/>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1pPr>
            <a:lvl2pPr marL="0" indent="0">
              <a:lnSpc>
                <a:spcPct val="180000"/>
              </a:lnSpc>
              <a:spcBef>
                <a:spcPts val="250"/>
              </a:spcBef>
              <a:spcAft>
                <a:spcPts val="0"/>
              </a:spcAft>
              <a:buNone/>
              <a:defRPr sz="1800" b="1" cap="none">
                <a:solidFill>
                  <a:schemeClr val="accent3"/>
                </a:solidFill>
                <a:latin typeface="+mj-lt"/>
              </a:defRPr>
            </a:lvl2pPr>
            <a:lvl3pPr marL="0" indent="0">
              <a:lnSpc>
                <a:spcPct val="180000"/>
              </a:lnSpc>
              <a:spcBef>
                <a:spcPts val="250"/>
              </a:spcBef>
              <a:spcAft>
                <a:spcPts val="0"/>
              </a:spcAft>
              <a:buNone/>
              <a:defRPr sz="1800" b="1" cap="none">
                <a:solidFill>
                  <a:schemeClr val="accent3"/>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1pPr>
            <a:lvl2pPr marL="0" indent="0">
              <a:lnSpc>
                <a:spcPct val="180000"/>
              </a:lnSpc>
              <a:spcBef>
                <a:spcPts val="250"/>
              </a:spcBef>
              <a:spcAft>
                <a:spcPts val="0"/>
              </a:spcAft>
              <a:buNone/>
              <a:defRPr sz="1800" b="0" cap="all">
                <a:solidFill>
                  <a:schemeClr val="accent1"/>
                </a:solidFill>
                <a:latin typeface="+mj-lt"/>
              </a:defRPr>
            </a:lvl2pPr>
            <a:lvl3pPr marL="0" indent="0">
              <a:lnSpc>
                <a:spcPct val="180000"/>
              </a:lnSpc>
              <a:spcBef>
                <a:spcPts val="250"/>
              </a:spcBef>
              <a:spcAft>
                <a:spcPts val="0"/>
              </a:spcAft>
              <a:buNone/>
              <a:defRPr sz="1800" b="0" cap="all">
                <a:solidFill>
                  <a:schemeClr val="accent1"/>
                </a:solidFill>
                <a:latin typeface="+mj-lt"/>
              </a:defRPr>
            </a:lvl3pPr>
            <a:lvl4pPr marL="0" indent="0">
              <a:lnSpc>
                <a:spcPct val="180000"/>
              </a:lnSpc>
              <a:spcBef>
                <a:spcPts val="250"/>
              </a:spcBef>
              <a:spcAft>
                <a:spcPts val="0"/>
              </a:spcAft>
              <a:buNone/>
              <a:defRPr sz="1800" b="0" cap="all">
                <a:solidFill>
                  <a:schemeClr val="accent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9pPr>
          </a:lstStyle>
          <a:p>
            <a:pPr lvl="0"/>
            <a:r>
              <a:rPr lang="en-GB" dirty="0"/>
              <a:t>Click to add agenda point, one line</a:t>
            </a:r>
          </a:p>
        </p:txBody>
      </p:sp>
      <p:sp>
        <p:nvSpPr>
          <p:cNvPr id="6" name="Guides" hidden="1">
            <a:extLst>
              <a:ext uri="{FF2B5EF4-FFF2-40B4-BE49-F238E27FC236}">
                <a16:creationId xmlns:a16="http://schemas.microsoft.com/office/drawing/2014/main" id="{3638FD4C-1242-FA12-1AE1-9624BF414B2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879152259"/>
      </p:ext>
    </p:extLst>
  </p:cSld>
  <p:clrMapOvr>
    <a:masterClrMapping/>
  </p:clrMapOvr>
  <p:extLst>
    <p:ext uri="{DCECCB84-F9BA-43D5-87BE-67443E8EF086}">
      <p15:sldGuideLst xmlns:p15="http://schemas.microsoft.com/office/powerpoint/2012/main">
        <p15:guide id="3" orient="horz" pos="45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8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89BDCF72-7F67-EE49-9D06-2CCEC215A17F}" type="datetime4">
              <a:rPr lang="en-US" noProof="0" smtClean="0"/>
              <a:t>September 8,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6122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B42367BA-8F05-446D-84E4-1D4A251DEF07}"/>
              </a:ext>
            </a:extLst>
          </p:cNvPr>
          <p:cNvPicPr>
            <a:picLocks noChangeAspect="1"/>
          </p:cNvPicPr>
          <p:nvPr userDrawn="1"/>
        </p:nvPicPr>
        <p:blipFill>
          <a:blip r:embed="rId3"/>
          <a:stretch>
            <a:fillRect/>
          </a:stretch>
        </p:blipFill>
        <p:spPr>
          <a:xfrm>
            <a:off x="7651822" y="1628880"/>
            <a:ext cx="3751231" cy="4509120"/>
          </a:xfrm>
          <a:prstGeom prst="rect">
            <a:avLst/>
          </a:prstGeom>
          <a:effectLst>
            <a:outerShdw blurRad="193495" dist="146531" dir="3540000" sx="99000" sy="99000" algn="t" rotWithShape="0">
              <a:prstClr val="black">
                <a:alpha val="40000"/>
              </a:prstClr>
            </a:outerShdw>
          </a:effectLst>
        </p:spPr>
      </p:pic>
      <p:sp>
        <p:nvSpPr>
          <p:cNvPr id="9" name="Picture Placeholder 7">
            <a:extLst>
              <a:ext uri="{FF2B5EF4-FFF2-40B4-BE49-F238E27FC236}">
                <a16:creationId xmlns:a16="http://schemas.microsoft.com/office/drawing/2014/main" id="{8218A61B-6F4F-B694-869D-DF3F3E7BF0FD}"/>
              </a:ext>
            </a:extLst>
          </p:cNvPr>
          <p:cNvSpPr>
            <a:spLocks noGrp="1"/>
          </p:cNvSpPr>
          <p:nvPr>
            <p:ph type="pic" sz="quarter" idx="13"/>
          </p:nvPr>
        </p:nvSpPr>
        <p:spPr>
          <a:xfrm>
            <a:off x="8328248" y="1627430"/>
            <a:ext cx="3074765" cy="4509225"/>
          </a:xfrm>
          <a:solidFill>
            <a:schemeClr val="bg1"/>
          </a:solidFill>
        </p:spPr>
        <p:txBody>
          <a:bodyPr tIns="648000" anchor="ctr" anchorCtr="1"/>
          <a:lstStyle/>
          <a:p>
            <a:r>
              <a:rPr lang="en-US" dirty="0"/>
              <a:t>Click icon to add picture</a:t>
            </a:r>
          </a:p>
        </p:txBody>
      </p:sp>
      <p:sp>
        <p:nvSpPr>
          <p:cNvPr id="11" name="Rectangle 10">
            <a:extLst>
              <a:ext uri="{FF2B5EF4-FFF2-40B4-BE49-F238E27FC236}">
                <a16:creationId xmlns:a16="http://schemas.microsoft.com/office/drawing/2014/main" id="{0752E313-28CB-8D27-CE72-0374CF6A9254}"/>
              </a:ext>
            </a:extLst>
          </p:cNvPr>
          <p:cNvSpPr/>
          <p:nvPr userDrawn="1"/>
        </p:nvSpPr>
        <p:spPr>
          <a:xfrm>
            <a:off x="8328248" y="1628155"/>
            <a:ext cx="725265" cy="4509120"/>
          </a:xfrm>
          <a:prstGeom prst="rect">
            <a:avLst/>
          </a:prstGeom>
          <a:gradFill flip="none" rotWithShape="1">
            <a:gsLst>
              <a:gs pos="0">
                <a:schemeClr val="accent4">
                  <a:lumMod val="5000"/>
                  <a:lumOff val="95000"/>
                  <a:alpha val="0"/>
                </a:schemeClr>
              </a:gs>
              <a:gs pos="63000">
                <a:schemeClr val="accent4">
                  <a:lumMod val="45000"/>
                  <a:lumOff val="55000"/>
                  <a:alpha val="66000"/>
                </a:schemeClr>
              </a:gs>
              <a:gs pos="100000">
                <a:schemeClr val="tx1">
                  <a:lumMod val="50000"/>
                  <a:lumOff val="50000"/>
                </a:schemeClr>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Tree>
    <p:extLst>
      <p:ext uri="{BB962C8B-B14F-4D97-AF65-F5344CB8AC3E}">
        <p14:creationId xmlns:p14="http://schemas.microsoft.com/office/powerpoint/2010/main" val="3737435554"/>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ank with Footer in Blu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p>
            <a:fld id="{8EA7C55A-0720-674D-B591-4F14C71E2AA5}" type="datetime4">
              <a:rPr lang="en-US" noProof="0" smtClean="0"/>
              <a:t>September 8, 2023</a:t>
            </a:fld>
            <a:endParaRPr lang="en-US" noProof="0"/>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2" name="Guides" hidden="1">
            <a:extLst>
              <a:ext uri="{FF2B5EF4-FFF2-40B4-BE49-F238E27FC236}">
                <a16:creationId xmlns:a16="http://schemas.microsoft.com/office/drawing/2014/main" id="{701F89E3-1860-5814-889C-8F8203A4F6D4}"/>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13338052"/>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nk with Footer in Whit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E2E26CDF-30B1-7C46-9E4C-9EBA16EEDD4A}" type="datetime4">
              <a:rPr lang="en-US" smtClean="0"/>
              <a:t>September 8, 2023</a:t>
            </a:fld>
            <a:endParaRPr lang="en-US"/>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Footers" descr="{&quot;templafy&quot;:{&quot;id&quot;:&quot;37bf3a59-c3d7-4ee6-b549-ac5503095b71&quot;}}">
            <a:extLst>
              <a:ext uri="{FF2B5EF4-FFF2-40B4-BE49-F238E27FC236}">
                <a16:creationId xmlns:a16="http://schemas.microsoft.com/office/drawing/2014/main" id="{AD7FCB85-6DF8-7133-9CEA-CE8EF93D41E2}"/>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984639071"/>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lank Blue BKG with Footer in Whit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341B6D1-93C2-8F55-64B6-2CBE60B5D8C6}"/>
              </a:ext>
            </a:extLst>
          </p:cNvPr>
          <p:cNvSpPr/>
          <p:nvPr userDrawn="1"/>
        </p:nvSpPr>
        <p:spPr>
          <a:xfrm>
            <a:off x="0" y="0"/>
            <a:ext cx="12192000" cy="6858000"/>
          </a:xfrm>
          <a:prstGeom prst="rect">
            <a:avLst/>
          </a:prstGeom>
          <a:gradFill flip="none" rotWithShape="1">
            <a:gsLst>
              <a:gs pos="100000">
                <a:srgbClr val="1F538F"/>
              </a:gs>
              <a:gs pos="39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E2E26CDF-30B1-7C46-9E4C-9EBA16EEDD4A}" type="datetime4">
              <a:rPr lang="en-US" smtClean="0"/>
              <a:t>September 8, 2023</a:t>
            </a:fld>
            <a:endParaRPr lang="en-US"/>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Footers" descr="{&quot;templafy&quot;:{&quot;id&quot;:&quot;37bf3a59-c3d7-4ee6-b549-ac5503095b71&quot;}}">
            <a:extLst>
              <a:ext uri="{FF2B5EF4-FFF2-40B4-BE49-F238E27FC236}">
                <a16:creationId xmlns:a16="http://schemas.microsoft.com/office/drawing/2014/main" id="{AD7FCB85-6DF8-7133-9CEA-CE8EF93D41E2}"/>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923570425"/>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CBDB7B0-4561-2F0F-FCA3-EB062B65853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270292570"/>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Closing A">
    <p:bg>
      <p:bgPr>
        <a:gradFill>
          <a:gsLst>
            <a:gs pos="22000">
              <a:schemeClr val="bg1"/>
            </a:gs>
            <a:gs pos="100000">
              <a:schemeClr val="accent6"/>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38615178-D3EF-0351-B14B-847E20DE72E5}"/>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6" name="Picture 5" descr="A blue letter on a black background&#10;&#10;Description automatically generated">
            <a:extLst>
              <a:ext uri="{FF2B5EF4-FFF2-40B4-BE49-F238E27FC236}">
                <a16:creationId xmlns:a16="http://schemas.microsoft.com/office/drawing/2014/main" id="{1B8DFF4D-4F10-0D7D-8CCB-724B4079F9E9}"/>
              </a:ext>
            </a:extLst>
          </p:cNvPr>
          <p:cNvPicPr>
            <a:picLocks noChangeAspect="1"/>
          </p:cNvPicPr>
          <p:nvPr userDrawn="1"/>
        </p:nvPicPr>
        <p:blipFill>
          <a:blip r:embed="rId3">
            <a:extLst>
              <a:ext uri="{28A0092B-C50C-407E-A947-70E740481C1C}">
                <a14:useLocalDpi xmlns:a14="http://schemas.microsoft.com/office/drawing/2010/main"/>
              </a:ext>
            </a:extLst>
          </a:blip>
          <a:stretch>
            <a:fillRect/>
          </a:stretch>
        </p:blipFill>
        <p:spPr>
          <a:xfrm>
            <a:off x="4724397" y="3209846"/>
            <a:ext cx="2743202" cy="438308"/>
          </a:xfrm>
          <a:prstGeom prst="rect">
            <a:avLst/>
          </a:prstGeom>
        </p:spPr>
      </p:pic>
    </p:spTree>
    <p:extLst>
      <p:ext uri="{BB962C8B-B14F-4D97-AF65-F5344CB8AC3E}">
        <p14:creationId xmlns:p14="http://schemas.microsoft.com/office/powerpoint/2010/main" val="2413618739"/>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7"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Closing B">
    <p:bg>
      <p:bgPr>
        <a:gradFill>
          <a:gsLst>
            <a:gs pos="87000">
              <a:srgbClr val="1F538F"/>
            </a:gs>
            <a:gs pos="52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07792B4C-F919-7FC6-37AC-1AC9B390E5FE}"/>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3" name="Picture 2">
            <a:extLst>
              <a:ext uri="{FF2B5EF4-FFF2-40B4-BE49-F238E27FC236}">
                <a16:creationId xmlns:a16="http://schemas.microsoft.com/office/drawing/2014/main" id="{28E9D207-A57B-8CD8-0740-D81AEF4E4505}"/>
              </a:ext>
            </a:extLst>
          </p:cNvPr>
          <p:cNvPicPr>
            <a:picLocks noChangeAspect="1"/>
          </p:cNvPicPr>
          <p:nvPr userDrawn="1"/>
        </p:nvPicPr>
        <p:blipFill>
          <a:blip r:embed="rId3">
            <a:extLst>
              <a:ext uri="{28A0092B-C50C-407E-A947-70E740481C1C}">
                <a14:useLocalDpi xmlns:a14="http://schemas.microsoft.com/office/drawing/2010/main"/>
              </a:ext>
            </a:extLst>
          </a:blip>
          <a:srcRect/>
          <a:stretch/>
        </p:blipFill>
        <p:spPr>
          <a:xfrm>
            <a:off x="4724397" y="3209846"/>
            <a:ext cx="2743202" cy="438307"/>
          </a:xfrm>
          <a:prstGeom prst="rect">
            <a:avLst/>
          </a:prstGeom>
        </p:spPr>
      </p:pic>
    </p:spTree>
    <p:extLst>
      <p:ext uri="{BB962C8B-B14F-4D97-AF65-F5344CB8AC3E}">
        <p14:creationId xmlns:p14="http://schemas.microsoft.com/office/powerpoint/2010/main" val="2240997986"/>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60"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5" name="Guides" hidden="1">
            <a:extLst>
              <a:ext uri="{FF2B5EF4-FFF2-40B4-BE49-F238E27FC236}">
                <a16:creationId xmlns:a16="http://schemas.microsoft.com/office/drawing/2014/main" id="{34F4D84D-8B38-E9C5-1868-7F61784FF06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extBox 5">
            <a:extLst>
              <a:ext uri="{FF2B5EF4-FFF2-40B4-BE49-F238E27FC236}">
                <a16:creationId xmlns:a16="http://schemas.microsoft.com/office/drawing/2014/main" id="{D7F0FCFE-6765-0832-0840-9CF39F36BB4B}"/>
              </a:ext>
            </a:extLst>
          </p:cNvPr>
          <p:cNvSpPr txBox="1"/>
          <p:nvPr userDrawn="1"/>
        </p:nvSpPr>
        <p:spPr>
          <a:xfrm>
            <a:off x="719138" y="719138"/>
            <a:ext cx="10752137" cy="2123658"/>
          </a:xfrm>
          <a:prstGeom prst="rect">
            <a:avLst/>
          </a:prstGeom>
          <a:noFill/>
        </p:spPr>
        <p:txBody>
          <a:bodyPr wrap="square" rtlCol="0">
            <a:spAutoFit/>
          </a:bodyPr>
          <a:lstStyle/>
          <a:p>
            <a:pPr algn="ctr"/>
            <a:r>
              <a:rPr lang="en-GB" sz="4400" dirty="0">
                <a:solidFill>
                  <a:schemeClr val="bg1"/>
                </a:solidFill>
              </a:rPr>
              <a:t>If you see any </a:t>
            </a:r>
            <a:r>
              <a:rPr lang="en-GB" sz="4400" b="1" i="1" dirty="0">
                <a:solidFill>
                  <a:schemeClr val="bg1"/>
                </a:solidFill>
              </a:rPr>
              <a:t>layouts after this </a:t>
            </a:r>
            <a:r>
              <a:rPr lang="en-GB" sz="4400" dirty="0">
                <a:solidFill>
                  <a:schemeClr val="bg1"/>
                </a:solidFill>
              </a:rPr>
              <a:t>one,</a:t>
            </a:r>
            <a:br>
              <a:rPr lang="en-GB" sz="4400" dirty="0">
                <a:solidFill>
                  <a:schemeClr val="bg1"/>
                </a:solidFill>
              </a:rPr>
            </a:br>
            <a:r>
              <a:rPr lang="en-GB" sz="4400" dirty="0">
                <a:solidFill>
                  <a:schemeClr val="bg1"/>
                </a:solidFill>
              </a:rPr>
              <a:t>do not use them. These layouts are not part of our corporate template.</a:t>
            </a:r>
          </a:p>
        </p:txBody>
      </p:sp>
      <p:sp>
        <p:nvSpPr>
          <p:cNvPr id="7" name="TextBox 6">
            <a:extLst>
              <a:ext uri="{FF2B5EF4-FFF2-40B4-BE49-F238E27FC236}">
                <a16:creationId xmlns:a16="http://schemas.microsoft.com/office/drawing/2014/main" id="{9E66478E-CC82-DDC4-E285-44F5186FA8EF}"/>
              </a:ext>
            </a:extLst>
          </p:cNvPr>
          <p:cNvSpPr txBox="1"/>
          <p:nvPr userDrawn="1"/>
        </p:nvSpPr>
        <p:spPr>
          <a:xfrm>
            <a:off x="719138" y="2601786"/>
            <a:ext cx="9826625" cy="2246769"/>
          </a:xfrm>
          <a:prstGeom prst="rect">
            <a:avLst/>
          </a:prstGeom>
          <a:noFill/>
        </p:spPr>
        <p:txBody>
          <a:bodyPr wrap="square" rtlCol="0">
            <a:spAutoFit/>
          </a:bodyPr>
          <a:lstStyle/>
          <a:p>
            <a:pPr algn="ctr"/>
            <a:r>
              <a:rPr lang="en-GB" sz="14000" b="1" i="1" dirty="0">
                <a:solidFill>
                  <a:schemeClr val="bg1"/>
                </a:solidFill>
              </a:rPr>
              <a:t>Do not use</a:t>
            </a:r>
          </a:p>
        </p:txBody>
      </p:sp>
      <p:grpSp>
        <p:nvGrpSpPr>
          <p:cNvPr id="8" name="Group 7">
            <a:extLst>
              <a:ext uri="{FF2B5EF4-FFF2-40B4-BE49-F238E27FC236}">
                <a16:creationId xmlns:a16="http://schemas.microsoft.com/office/drawing/2014/main" id="{A5D99491-12E6-F691-C3B6-1E56D3E5BEA5}"/>
              </a:ext>
            </a:extLst>
          </p:cNvPr>
          <p:cNvGrpSpPr/>
          <p:nvPr userDrawn="1"/>
        </p:nvGrpSpPr>
        <p:grpSpPr bwMode="black">
          <a:xfrm rot="8100000">
            <a:off x="10404874" y="3556874"/>
            <a:ext cx="1036788" cy="1036788"/>
            <a:chOff x="6096000" y="4963130"/>
            <a:chExt cx="1456719" cy="1456719"/>
          </a:xfrm>
          <a:solidFill>
            <a:schemeClr val="bg1"/>
          </a:solidFill>
        </p:grpSpPr>
        <p:sp>
          <p:nvSpPr>
            <p:cNvPr id="9" name="Rectangle 8">
              <a:extLst>
                <a:ext uri="{FF2B5EF4-FFF2-40B4-BE49-F238E27FC236}">
                  <a16:creationId xmlns:a16="http://schemas.microsoft.com/office/drawing/2014/main" id="{0CE8E280-940A-9CA6-05EF-30988A74A821}"/>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10" name="Rectangle 9">
              <a:extLst>
                <a:ext uri="{FF2B5EF4-FFF2-40B4-BE49-F238E27FC236}">
                  <a16:creationId xmlns:a16="http://schemas.microsoft.com/office/drawing/2014/main" id="{9D0B93E5-EC9B-1CC2-0E61-75FEB63B4820}"/>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1" name="TextBox 10">
            <a:extLst>
              <a:ext uri="{FF2B5EF4-FFF2-40B4-BE49-F238E27FC236}">
                <a16:creationId xmlns:a16="http://schemas.microsoft.com/office/drawing/2014/main" id="{101A1C46-3C4F-8189-EA0E-23635248B2F4}"/>
              </a:ext>
            </a:extLst>
          </p:cNvPr>
          <p:cNvSpPr txBox="1"/>
          <p:nvPr userDrawn="1"/>
        </p:nvSpPr>
        <p:spPr>
          <a:xfrm>
            <a:off x="719138" y="5142277"/>
            <a:ext cx="10752137" cy="784830"/>
          </a:xfrm>
          <a:prstGeom prst="rect">
            <a:avLst/>
          </a:prstGeom>
          <a:noFill/>
        </p:spPr>
        <p:txBody>
          <a:bodyPr wrap="square" rtlCol="0">
            <a:spAutoFit/>
          </a:bodyPr>
          <a:lstStyle/>
          <a:p>
            <a:pPr algn="ctr">
              <a:spcAft>
                <a:spcPts val="600"/>
              </a:spcAft>
            </a:pPr>
            <a:r>
              <a:rPr lang="en-GB" sz="2000" dirty="0">
                <a:solidFill>
                  <a:schemeClr val="bg1"/>
                </a:solidFill>
              </a:rPr>
              <a:t>Due to PowerPoint’s standard Copy/Paste functionality extra undesirable layouts can appear.</a:t>
            </a:r>
          </a:p>
          <a:p>
            <a:pPr algn="ctr">
              <a:spcAft>
                <a:spcPts val="600"/>
              </a:spcAft>
            </a:pPr>
            <a:r>
              <a:rPr lang="en-GB" sz="2000" dirty="0">
                <a:solidFill>
                  <a:schemeClr val="bg1"/>
                </a:solidFill>
              </a:rPr>
              <a:t>Also notice: Layouts after this might contain potential confidential information.</a:t>
            </a:r>
          </a:p>
        </p:txBody>
      </p:sp>
    </p:spTree>
    <p:extLst>
      <p:ext uri="{BB962C8B-B14F-4D97-AF65-F5344CB8AC3E}">
        <p14:creationId xmlns:p14="http://schemas.microsoft.com/office/powerpoint/2010/main" val="2583185762"/>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Agenda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solidFill>
                  <a:schemeClr val="accent2">
                    <a:lumMod val="20000"/>
                    <a:lumOff val="80000"/>
                  </a:schemeClr>
                </a:solidFill>
              </a:defRPr>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lvl1pPr>
              <a:defRPr>
                <a:solidFill>
                  <a:schemeClr val="bg1"/>
                </a:solidFill>
              </a:defRPr>
            </a:lvl1pPr>
          </a:lstStyle>
          <a:p>
            <a:fld id="{3C2BA70B-1A4E-F44E-8807-4DE2C139878B}" type="datetime4">
              <a:rPr lang="en-US" smtClean="0"/>
              <a:t>September 8, 2023</a:t>
            </a:fld>
            <a:endParaRPr lang="en-US"/>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1pPr>
            <a:lvl2pPr marL="0" indent="0">
              <a:lnSpc>
                <a:spcPct val="180000"/>
              </a:lnSpc>
              <a:spcBef>
                <a:spcPts val="250"/>
              </a:spcBef>
              <a:spcAft>
                <a:spcPts val="0"/>
              </a:spcAft>
              <a:buNone/>
              <a:defRPr sz="1800" b="1" cap="none">
                <a:solidFill>
                  <a:srgbClr val="9EC3E1"/>
                </a:solidFill>
                <a:latin typeface="+mj-lt"/>
              </a:defRPr>
            </a:lvl2pPr>
            <a:lvl3pPr marL="0" indent="0">
              <a:lnSpc>
                <a:spcPct val="180000"/>
              </a:lnSpc>
              <a:spcBef>
                <a:spcPts val="250"/>
              </a:spcBef>
              <a:spcAft>
                <a:spcPts val="0"/>
              </a:spcAft>
              <a:buNone/>
              <a:defRPr sz="1800" b="1" cap="none">
                <a:solidFill>
                  <a:srgbClr val="9EC3E1"/>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1pPr>
            <a:lvl2pPr marL="0" indent="0">
              <a:lnSpc>
                <a:spcPct val="180000"/>
              </a:lnSpc>
              <a:spcBef>
                <a:spcPts val="250"/>
              </a:spcBef>
              <a:spcAft>
                <a:spcPts val="0"/>
              </a:spcAft>
              <a:buNone/>
              <a:defRPr sz="1800" b="0" cap="all">
                <a:solidFill>
                  <a:schemeClr val="bg1"/>
                </a:solidFill>
                <a:latin typeface="+mj-lt"/>
              </a:defRPr>
            </a:lvl2pPr>
            <a:lvl3pPr marL="0" indent="0">
              <a:lnSpc>
                <a:spcPct val="180000"/>
              </a:lnSpc>
              <a:spcBef>
                <a:spcPts val="250"/>
              </a:spcBef>
              <a:spcAft>
                <a:spcPts val="0"/>
              </a:spcAft>
              <a:buNone/>
              <a:defRPr sz="1800" b="0" cap="all">
                <a:solidFill>
                  <a:schemeClr val="bg1"/>
                </a:solidFill>
                <a:latin typeface="+mj-lt"/>
              </a:defRPr>
            </a:lvl3pPr>
            <a:lvl4pPr marL="0" indent="0">
              <a:lnSpc>
                <a:spcPct val="180000"/>
              </a:lnSpc>
              <a:spcBef>
                <a:spcPts val="250"/>
              </a:spcBef>
              <a:spcAft>
                <a:spcPts val="0"/>
              </a:spcAft>
              <a:buNone/>
              <a:defRPr sz="1800" b="0" cap="all">
                <a:solidFill>
                  <a:schemeClr val="bg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9pPr>
          </a:lstStyle>
          <a:p>
            <a:pPr lvl="0"/>
            <a:r>
              <a:rPr lang="en-GB" dirty="0"/>
              <a:t>Click to add agenda point, one line</a:t>
            </a:r>
          </a:p>
        </p:txBody>
      </p:sp>
      <p:sp>
        <p:nvSpPr>
          <p:cNvPr id="9" name="Guides" hidden="1">
            <a:extLst>
              <a:ext uri="{FF2B5EF4-FFF2-40B4-BE49-F238E27FC236}">
                <a16:creationId xmlns:a16="http://schemas.microsoft.com/office/drawing/2014/main" id="{F71C5786-03E4-BADA-2C63-BC735E4C49C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b629212b-aba2-422f-a8af-fd93b3a4d254&quot;}}">
            <a:extLst>
              <a:ext uri="{FF2B5EF4-FFF2-40B4-BE49-F238E27FC236}">
                <a16:creationId xmlns:a16="http://schemas.microsoft.com/office/drawing/2014/main" id="{7F5AAA95-4262-DACC-6539-F83764B3EBBF}"/>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456125206"/>
      </p:ext>
    </p:extLst>
  </p:cSld>
  <p:clrMapOvr>
    <a:masterClrMapping/>
  </p:clrMapOvr>
  <p:extLst>
    <p:ext uri="{DCECCB84-F9BA-43D5-87BE-67443E8EF086}">
      <p15:sldGuideLst xmlns:p15="http://schemas.microsoft.com/office/powerpoint/2012/main">
        <p15:guide id="3" orient="horz" pos="45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accent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3"/>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5" name="Line top Placeholder 20">
            <a:extLst>
              <a:ext uri="{FF2B5EF4-FFF2-40B4-BE49-F238E27FC236}">
                <a16:creationId xmlns:a16="http://schemas.microsoft.com/office/drawing/2014/main" id="{A191D59F-2E4F-9DFD-FEAC-7FF6480D86BF}"/>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8" name="Date Placeholder 7">
            <a:extLst>
              <a:ext uri="{FF2B5EF4-FFF2-40B4-BE49-F238E27FC236}">
                <a16:creationId xmlns:a16="http://schemas.microsoft.com/office/drawing/2014/main" id="{A626988C-588C-2C8A-2DC0-5D2C99DF44FE}"/>
              </a:ext>
            </a:extLst>
          </p:cNvPr>
          <p:cNvSpPr>
            <a:spLocks noGrp="1"/>
          </p:cNvSpPr>
          <p:nvPr>
            <p:ph type="dt" sz="half" idx="25"/>
          </p:nvPr>
        </p:nvSpPr>
        <p:spPr/>
        <p:txBody>
          <a:bodyPr/>
          <a:lstStyle/>
          <a:p>
            <a:fld id="{3A2DC638-9094-B240-ABEB-9DD22AB64CA7}" type="datetime4">
              <a:rPr lang="en-US" noProof="0" smtClean="0"/>
              <a:t>September 8, 2023</a:t>
            </a:fld>
            <a:endParaRPr lang="en-US" noProof="0"/>
          </a:p>
        </p:txBody>
      </p:sp>
      <p:sp>
        <p:nvSpPr>
          <p:cNvPr id="9" name="Slide Number Placeholder 8">
            <a:extLst>
              <a:ext uri="{FF2B5EF4-FFF2-40B4-BE49-F238E27FC236}">
                <a16:creationId xmlns:a16="http://schemas.microsoft.com/office/drawing/2014/main" id="{153F47F8-2FA5-B3C4-62D6-146B019264A1}"/>
              </a:ext>
            </a:extLst>
          </p:cNvPr>
          <p:cNvSpPr>
            <a:spLocks noGrp="1"/>
          </p:cNvSpPr>
          <p:nvPr>
            <p:ph type="sldNum" sz="quarter" idx="26"/>
          </p:nvPr>
        </p:nvSpPr>
        <p:spPr/>
        <p:txBody>
          <a:bodyPr/>
          <a:lstStyle/>
          <a:p>
            <a:fld id="{2DDEA8E7-5F55-4A60-8EF9-470692FC5635}" type="slidenum">
              <a:rPr lang="en-US" noProof="0" smtClean="0"/>
              <a:pPr/>
              <a:t>‹#›</a:t>
            </a:fld>
            <a:endParaRPr lang="en-US" noProof="0"/>
          </a:p>
        </p:txBody>
      </p:sp>
      <p:sp>
        <p:nvSpPr>
          <p:cNvPr id="4" name="Guides" hidden="1">
            <a:extLst>
              <a:ext uri="{FF2B5EF4-FFF2-40B4-BE49-F238E27FC236}">
                <a16:creationId xmlns:a16="http://schemas.microsoft.com/office/drawing/2014/main" id="{7C09ABE0-4AC7-DE98-E246-798BA091147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6897737"/>
      </p:ext>
    </p:extLst>
  </p:cSld>
  <p:clrMapOvr>
    <a:masterClrMapping/>
  </p:clrMapOvr>
  <p:extLst>
    <p:ext uri="{DCECCB84-F9BA-43D5-87BE-67443E8EF086}">
      <p15:sldGuideLst xmlns:p15="http://schemas.microsoft.com/office/powerpoint/2012/main">
        <p15:guide id="3" orient="horz" pos="436"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type="secHead" preserve="1">
  <p:cSld name="Breaker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bg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2">
                    <a:lumMod val="20000"/>
                    <a:lumOff val="80000"/>
                  </a:schemeClr>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85C24EA9-B3D8-2144-A3B3-33B779F6DB69}" type="datetime4">
              <a:rPr lang="en-US" smtClean="0"/>
              <a:t>September 8,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97AE78B8-0EB3-C024-37F4-F509882235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5e7a4020-5197-42b5-a0a1-76d93439fe1b&quot;}}">
            <a:extLst>
              <a:ext uri="{FF2B5EF4-FFF2-40B4-BE49-F238E27FC236}">
                <a16:creationId xmlns:a16="http://schemas.microsoft.com/office/drawing/2014/main" id="{5AE369FE-ED76-6EEE-3247-2A919AD7045B}"/>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402448393"/>
      </p:ext>
    </p:extLst>
  </p:cSld>
  <p:clrMapOvr>
    <a:masterClrMapping/>
  </p:clrMapOvr>
  <p:extLst>
    <p:ext uri="{DCECCB84-F9BA-43D5-87BE-67443E8EF086}">
      <p15:sldGuideLst xmlns:p15="http://schemas.microsoft.com/office/powerpoint/2012/main">
        <p15:guide id="3" orient="horz" pos="436"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type="secHead" preserve="1">
  <p:cSld name="Breaker C">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65E6F49-D923-F546-B642-2C2E658352AA}" type="datetime4">
              <a:rPr lang="en-US" smtClean="0"/>
              <a:t>September 8,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18E4D93D-2A45-24EA-FE18-43B286D00ED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39b31465-7178-466a-8f42-3e4972402eff&quot;}}">
            <a:extLst>
              <a:ext uri="{FF2B5EF4-FFF2-40B4-BE49-F238E27FC236}">
                <a16:creationId xmlns:a16="http://schemas.microsoft.com/office/drawing/2014/main" id="{A24A8258-9B07-0170-490D-F13D7253F27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1702440820"/>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type="secHead" preserve="1">
  <p:cSld name="Breaker D">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lumMod val="60000"/>
                    <a:lumOff val="40000"/>
                  </a:schemeClr>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91DFBE19-1A63-6241-A643-62BAA4F13D71}" type="datetime4">
              <a:rPr lang="en-US" smtClean="0"/>
              <a:t>September 8,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EEFCB10F-81AA-2405-D116-45EC588771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62dd52fa-754b-4464-afdb-3af5137dce98&quot;}}">
            <a:extLst>
              <a:ext uri="{FF2B5EF4-FFF2-40B4-BE49-F238E27FC236}">
                <a16:creationId xmlns:a16="http://schemas.microsoft.com/office/drawing/2014/main" id="{A5498BB6-9C05-CEB9-2389-021308A18C51}"/>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bg1"/>
                </a:solidFill>
              </a:rPr>
              <a:t>Penn Medicine</a:t>
            </a:r>
          </a:p>
        </p:txBody>
      </p:sp>
    </p:spTree>
    <p:extLst>
      <p:ext uri="{BB962C8B-B14F-4D97-AF65-F5344CB8AC3E}">
        <p14:creationId xmlns:p14="http://schemas.microsoft.com/office/powerpoint/2010/main" val="2309394343"/>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tags" Target="../tags/tag3.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2.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heme" Target="../theme/theme1.xml"/><Relationship Id="rId8" Type="http://schemas.openxmlformats.org/officeDocument/2006/relationships/slideLayout" Target="../slideLayouts/slideLayout8.xml"/><Relationship Id="rId51" Type="http://schemas.openxmlformats.org/officeDocument/2006/relationships/tags" Target="../tags/tag4.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724653DF-2095-1798-1D71-96071517C202}"/>
              </a:ext>
            </a:extLst>
          </p:cNvPr>
          <p:cNvSpPr>
            <a:spLocks noGrp="1"/>
          </p:cNvSpPr>
          <p:nvPr>
            <p:ph type="title"/>
            <p:custDataLst>
              <p:tags r:id="rId49"/>
            </p:custDataLst>
          </p:nvPr>
        </p:nvSpPr>
        <p:spPr>
          <a:xfrm>
            <a:off x="719138" y="720000"/>
            <a:ext cx="10753724" cy="907200"/>
          </a:xfrm>
          <a:prstGeom prst="rect">
            <a:avLst/>
          </a:prstGeom>
        </p:spPr>
        <p:txBody>
          <a:bodyPr vert="horz" lIns="0" tIns="0" rIns="0" bIns="0" rtlCol="0" anchor="t" anchorCtr="0">
            <a:noAutofit/>
          </a:bodyPr>
          <a:lstStyle/>
          <a:p>
            <a:r>
              <a:rPr lang="en-US" noProof="0" dirty="0"/>
              <a:t>Click to edit Master title style</a:t>
            </a:r>
          </a:p>
        </p:txBody>
      </p:sp>
      <p:sp>
        <p:nvSpPr>
          <p:cNvPr id="3" name="Text Placeholder 2">
            <a:extLst>
              <a:ext uri="{FF2B5EF4-FFF2-40B4-BE49-F238E27FC236}">
                <a16:creationId xmlns:a16="http://schemas.microsoft.com/office/drawing/2014/main" id="{E5B3B6BD-6FE3-BE4B-16AE-1D8275ECAA77}"/>
              </a:ext>
            </a:extLst>
          </p:cNvPr>
          <p:cNvSpPr>
            <a:spLocks noGrp="1"/>
          </p:cNvSpPr>
          <p:nvPr>
            <p:ph type="body" idx="1"/>
            <p:custDataLst>
              <p:tags r:id="rId50"/>
            </p:custDataLst>
          </p:nvPr>
        </p:nvSpPr>
        <p:spPr>
          <a:xfrm>
            <a:off x="720000" y="1713599"/>
            <a:ext cx="10752000" cy="4424400"/>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eth level</a:t>
            </a:r>
          </a:p>
        </p:txBody>
      </p:sp>
      <p:sp>
        <p:nvSpPr>
          <p:cNvPr id="4" name="Date Placeholder 3">
            <a:extLst>
              <a:ext uri="{FF2B5EF4-FFF2-40B4-BE49-F238E27FC236}">
                <a16:creationId xmlns:a16="http://schemas.microsoft.com/office/drawing/2014/main" id="{B7FEBF82-8BAB-1E5B-37EF-020818D104B8}"/>
              </a:ext>
            </a:extLst>
          </p:cNvPr>
          <p:cNvSpPr>
            <a:spLocks noGrp="1"/>
          </p:cNvSpPr>
          <p:nvPr>
            <p:ph type="dt" sz="half" idx="2"/>
          </p:nvPr>
        </p:nvSpPr>
        <p:spPr>
          <a:xfrm>
            <a:off x="1115138" y="6439469"/>
            <a:ext cx="2743200" cy="180000"/>
          </a:xfrm>
          <a:prstGeom prst="rect">
            <a:avLst/>
          </a:prstGeom>
        </p:spPr>
        <p:txBody>
          <a:bodyPr vert="horz" lIns="0" tIns="0" rIns="0" bIns="0" rtlCol="0" anchor="b" anchorCtr="0"/>
          <a:lstStyle>
            <a:lvl1pPr algn="l">
              <a:defRPr sz="800">
                <a:solidFill>
                  <a:schemeClr val="accent1"/>
                </a:solidFill>
              </a:defRPr>
            </a:lvl1pPr>
          </a:lstStyle>
          <a:p>
            <a:fld id="{157A798E-285F-EF47-BF63-05D1993EC034}" type="datetime4">
              <a:rPr lang="en-US" noProof="0" smtClean="0"/>
              <a:t>September 8, 2023</a:t>
            </a:fld>
            <a:endParaRPr lang="en-US" noProof="0"/>
          </a:p>
        </p:txBody>
      </p:sp>
      <p:sp>
        <p:nvSpPr>
          <p:cNvPr id="6" name="Slide Number Placeholder 5">
            <a:extLst>
              <a:ext uri="{FF2B5EF4-FFF2-40B4-BE49-F238E27FC236}">
                <a16:creationId xmlns:a16="http://schemas.microsoft.com/office/drawing/2014/main" id="{A6BFCFEF-8B6A-152F-1EE7-29B8B4C5E8D6}"/>
              </a:ext>
            </a:extLst>
          </p:cNvPr>
          <p:cNvSpPr>
            <a:spLocks noGrp="1"/>
          </p:cNvSpPr>
          <p:nvPr>
            <p:ph type="sldNum" sz="quarter" idx="4"/>
          </p:nvPr>
        </p:nvSpPr>
        <p:spPr>
          <a:xfrm>
            <a:off x="719138" y="6439469"/>
            <a:ext cx="396000" cy="180000"/>
          </a:xfrm>
          <a:prstGeom prst="rect">
            <a:avLst/>
          </a:prstGeom>
        </p:spPr>
        <p:txBody>
          <a:bodyPr vert="horz" lIns="0" tIns="0" rIns="0" bIns="0" rtlCol="0" anchor="b" anchorCtr="0"/>
          <a:lstStyle>
            <a:lvl1pPr algn="l">
              <a:defRPr sz="800">
                <a:solidFill>
                  <a:schemeClr val="accent1"/>
                </a:solidFill>
              </a:defRPr>
            </a:lvl1pPr>
          </a:lstStyle>
          <a:p>
            <a:fld id="{2DDEA8E7-5F55-4A60-8EF9-470692FC5635}" type="slidenum">
              <a:rPr lang="en-US" noProof="0" smtClean="0"/>
              <a:pPr/>
              <a:t>‹#›</a:t>
            </a:fld>
            <a:endParaRPr lang="en-US" noProof="0"/>
          </a:p>
        </p:txBody>
      </p:sp>
      <p:sp>
        <p:nvSpPr>
          <p:cNvPr id="14" name="Footers" descr="{&quot;templafy&quot;:{&quot;id&quot;:&quot;7bd821ab-2b5a-4feb-809b-9e9351837c7c&quot;}}">
            <a:extLst>
              <a:ext uri="{FF2B5EF4-FFF2-40B4-BE49-F238E27FC236}">
                <a16:creationId xmlns:a16="http://schemas.microsoft.com/office/drawing/2014/main" id="{C9D8BBB8-64ED-CEAF-3B7D-CCE7CC4C4579}"/>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Penn Medicine</a:t>
            </a:r>
          </a:p>
        </p:txBody>
      </p:sp>
      <p:sp>
        <p:nvSpPr>
          <p:cNvPr id="19" name="Guides" hidden="1">
            <a:extLst>
              <a:ext uri="{FF2B5EF4-FFF2-40B4-BE49-F238E27FC236}">
                <a16:creationId xmlns:a16="http://schemas.microsoft.com/office/drawing/2014/main" id="{0D073D88-5C5F-430B-DE0F-D1CD684A6AE8}"/>
              </a:ext>
            </a:extLst>
          </p:cNvPr>
          <p:cNvSpPr/>
          <p:nvPr userDrawn="1">
            <p:custDataLst>
              <p:tags r:id="rId5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595608132"/>
      </p:ext>
    </p:extLst>
  </p:cSld>
  <p:clrMap bg1="lt1" tx1="dk1" bg2="lt2" tx2="dk2" accent1="accent1" accent2="accent2" accent3="accent3" accent4="accent4" accent5="accent5" accent6="accent6" hlink="hlink" folHlink="folHlink"/>
  <p:sldLayoutIdLst>
    <p:sldLayoutId id="2147483657" r:id="rId1"/>
    <p:sldLayoutId id="2147483649" r:id="rId2"/>
    <p:sldLayoutId id="2147483658" r:id="rId3"/>
    <p:sldLayoutId id="2147483659" r:id="rId4"/>
    <p:sldLayoutId id="2147483660" r:id="rId5"/>
    <p:sldLayoutId id="2147483667" r:id="rId6"/>
    <p:sldLayoutId id="2147483666" r:id="rId7"/>
    <p:sldLayoutId id="2147483661" r:id="rId8"/>
    <p:sldLayoutId id="2147483662" r:id="rId9"/>
    <p:sldLayoutId id="2147483663" r:id="rId10"/>
    <p:sldLayoutId id="2147483664" r:id="rId11"/>
    <p:sldLayoutId id="2147483665" r:id="rId12"/>
    <p:sldLayoutId id="2147483650" r:id="rId13"/>
    <p:sldLayoutId id="2147483653" r:id="rId14"/>
    <p:sldLayoutId id="2147483668" r:id="rId15"/>
    <p:sldLayoutId id="2147483669" r:id="rId16"/>
    <p:sldLayoutId id="2147483651" r:id="rId17"/>
    <p:sldLayoutId id="2147483652" r:id="rId18"/>
    <p:sldLayoutId id="2147483654" r:id="rId19"/>
    <p:sldLayoutId id="2147483655" r:id="rId20"/>
    <p:sldLayoutId id="2147483670" r:id="rId21"/>
    <p:sldLayoutId id="2147483671" r:id="rId22"/>
    <p:sldLayoutId id="2147483672" r:id="rId23"/>
    <p:sldLayoutId id="2147483693" r:id="rId24"/>
    <p:sldLayoutId id="2147483694" r:id="rId25"/>
    <p:sldLayoutId id="2147483673" r:id="rId26"/>
    <p:sldLayoutId id="2147483674" r:id="rId27"/>
    <p:sldLayoutId id="2147483675" r:id="rId28"/>
    <p:sldLayoutId id="2147483676" r:id="rId29"/>
    <p:sldLayoutId id="2147483677" r:id="rId30"/>
    <p:sldLayoutId id="2147483678" r:id="rId31"/>
    <p:sldLayoutId id="2147483679" r:id="rId32"/>
    <p:sldLayoutId id="2147483680" r:id="rId33"/>
    <p:sldLayoutId id="2147483690" r:id="rId34"/>
    <p:sldLayoutId id="2147483681" r:id="rId35"/>
    <p:sldLayoutId id="2147483682" r:id="rId36"/>
    <p:sldLayoutId id="2147483683" r:id="rId37"/>
    <p:sldLayoutId id="2147483692" r:id="rId38"/>
    <p:sldLayoutId id="2147483684" r:id="rId39"/>
    <p:sldLayoutId id="2147483685" r:id="rId40"/>
    <p:sldLayoutId id="2147483686" r:id="rId41"/>
    <p:sldLayoutId id="2147483687" r:id="rId42"/>
    <p:sldLayoutId id="2147483696" r:id="rId43"/>
    <p:sldLayoutId id="2147483688" r:id="rId44"/>
    <p:sldLayoutId id="2147483689" r:id="rId45"/>
    <p:sldLayoutId id="2147483656" r:id="rId46"/>
    <p:sldLayoutId id="2147483691" r:id="rId47"/>
  </p:sldLayoutIdLst>
  <p:hf hdr="0" ftr="0"/>
  <p:txStyles>
    <p:title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p:titleStyle>
    <p:bodyStyle>
      <a:lvl1pPr marL="0" indent="0" algn="l" defTabSz="914400" rtl="0" eaLnBrk="1" latinLnBrk="0" hangingPunct="1">
        <a:lnSpc>
          <a:spcPct val="100000"/>
        </a:lnSpc>
        <a:spcBef>
          <a:spcPts val="250"/>
        </a:spcBef>
        <a:spcAft>
          <a:spcPts val="600"/>
        </a:spcAft>
        <a:buFont typeface="Arial" panose="020B0604020202020204" pitchFamily="34" charset="0"/>
        <a:buNone/>
        <a:defRPr sz="18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8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6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4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8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6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6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200" i="1" kern="120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19.png"/><Relationship Id="rId3" Type="http://schemas.openxmlformats.org/officeDocument/2006/relationships/slideLayout" Target="../slideLayouts/slideLayout1.xml"/><Relationship Id="rId7" Type="http://schemas.openxmlformats.org/officeDocument/2006/relationships/image" Target="../media/image18.png"/><Relationship Id="rId2" Type="http://schemas.openxmlformats.org/officeDocument/2006/relationships/customXml" Target="../../customXml/item16.xml"/><Relationship Id="rId1" Type="http://schemas.openxmlformats.org/officeDocument/2006/relationships/customXml" Target="../../customXml/item14.xml"/><Relationship Id="rId6" Type="http://schemas.openxmlformats.org/officeDocument/2006/relationships/image" Target="../media/image17.png"/><Relationship Id="rId5" Type="http://schemas.openxmlformats.org/officeDocument/2006/relationships/image" Target="../media/image16.svg"/><Relationship Id="rId4" Type="http://schemas.openxmlformats.org/officeDocument/2006/relationships/image" Target="../media/image15.png"/></Relationships>
</file>

<file path=ppt/slides/_rels/slide10.xml.rels><?xml version="1.0" encoding="UTF-8" standalone="yes"?>
<Relationships xmlns="http://schemas.openxmlformats.org/package/2006/relationships"><Relationship Id="rId2" Type="http://schemas.openxmlformats.org/officeDocument/2006/relationships/image" Target="../media/image31.png"/><Relationship Id="rId1" Type="http://schemas.openxmlformats.org/officeDocument/2006/relationships/slideLayout" Target="../slideLayouts/slideLayout14.xml"/></Relationships>
</file>

<file path=ppt/slides/_rels/slide11.xml.rels><?xml version="1.0" encoding="UTF-8" standalone="yes"?>
<Relationships xmlns="http://schemas.openxmlformats.org/package/2006/relationships"><Relationship Id="rId3" Type="http://schemas.openxmlformats.org/officeDocument/2006/relationships/hyperlink" Target="https://www.pennmedicine.org/-/media/157c61b813364149812856a990df46c7.ashx" TargetMode="External"/><Relationship Id="rId2" Type="http://schemas.openxmlformats.org/officeDocument/2006/relationships/image" Target="../media/image31.png"/><Relationship Id="rId1" Type="http://schemas.openxmlformats.org/officeDocument/2006/relationships/slideLayout" Target="../slideLayouts/slideLayout18.xml"/></Relationships>
</file>

<file path=ppt/slides/_rels/slide12.xml.rels><?xml version="1.0" encoding="UTF-8" standalone="yes"?>
<Relationships xmlns="http://schemas.openxmlformats.org/package/2006/relationships"><Relationship Id="rId3" Type="http://schemas.openxmlformats.org/officeDocument/2006/relationships/image" Target="../media/image33.svg"/><Relationship Id="rId2" Type="http://schemas.openxmlformats.org/officeDocument/2006/relationships/image" Target="../media/image32.png"/><Relationship Id="rId1" Type="http://schemas.openxmlformats.org/officeDocument/2006/relationships/slideLayout" Target="../slideLayouts/slideLayout18.xml"/></Relationships>
</file>

<file path=ppt/slides/_rels/slide13.xml.rels><?xml version="1.0" encoding="UTF-8" standalone="yes"?>
<Relationships xmlns="http://schemas.openxmlformats.org/package/2006/relationships"><Relationship Id="rId8" Type="http://schemas.openxmlformats.org/officeDocument/2006/relationships/image" Target="../media/image38.png"/><Relationship Id="rId13" Type="http://schemas.openxmlformats.org/officeDocument/2006/relationships/image" Target="../media/image43.svg"/><Relationship Id="rId3" Type="http://schemas.openxmlformats.org/officeDocument/2006/relationships/image" Target="../media/image33.svg"/><Relationship Id="rId7" Type="http://schemas.openxmlformats.org/officeDocument/2006/relationships/image" Target="../media/image37.svg"/><Relationship Id="rId12" Type="http://schemas.openxmlformats.org/officeDocument/2006/relationships/image" Target="../media/image42.png"/><Relationship Id="rId2" Type="http://schemas.openxmlformats.org/officeDocument/2006/relationships/image" Target="../media/image32.png"/><Relationship Id="rId1" Type="http://schemas.openxmlformats.org/officeDocument/2006/relationships/slideLayout" Target="../slideLayouts/slideLayout18.xml"/><Relationship Id="rId6" Type="http://schemas.openxmlformats.org/officeDocument/2006/relationships/image" Target="../media/image36.png"/><Relationship Id="rId11" Type="http://schemas.openxmlformats.org/officeDocument/2006/relationships/image" Target="../media/image41.svg"/><Relationship Id="rId5" Type="http://schemas.openxmlformats.org/officeDocument/2006/relationships/image" Target="../media/image35.svg"/><Relationship Id="rId10" Type="http://schemas.openxmlformats.org/officeDocument/2006/relationships/image" Target="../media/image40.png"/><Relationship Id="rId4" Type="http://schemas.openxmlformats.org/officeDocument/2006/relationships/image" Target="../media/image34.png"/><Relationship Id="rId9" Type="http://schemas.openxmlformats.org/officeDocument/2006/relationships/image" Target="../media/image39.svg"/></Relationships>
</file>

<file path=ppt/slides/_rels/slide14.xml.rels><?xml version="1.0" encoding="UTF-8" standalone="yes"?>
<Relationships xmlns="http://schemas.openxmlformats.org/package/2006/relationships"><Relationship Id="rId8" Type="http://schemas.openxmlformats.org/officeDocument/2006/relationships/image" Target="../media/image47.svg"/><Relationship Id="rId13" Type="http://schemas.openxmlformats.org/officeDocument/2006/relationships/image" Target="../media/image50.jpg"/><Relationship Id="rId3" Type="http://schemas.openxmlformats.org/officeDocument/2006/relationships/slideLayout" Target="../slideLayouts/slideLayout13.xml"/><Relationship Id="rId7" Type="http://schemas.openxmlformats.org/officeDocument/2006/relationships/image" Target="../media/image46.png"/><Relationship Id="rId12" Type="http://schemas.openxmlformats.org/officeDocument/2006/relationships/image" Target="../media/image49.jpg"/><Relationship Id="rId2" Type="http://schemas.openxmlformats.org/officeDocument/2006/relationships/customXml" Target="../../customXml/item10.xml"/><Relationship Id="rId1" Type="http://schemas.openxmlformats.org/officeDocument/2006/relationships/customXml" Target="../../customXml/item17.xml"/><Relationship Id="rId6" Type="http://schemas.openxmlformats.org/officeDocument/2006/relationships/image" Target="../media/image45.svg"/><Relationship Id="rId11" Type="http://schemas.openxmlformats.org/officeDocument/2006/relationships/image" Target="../media/image48.bin"/><Relationship Id="rId5" Type="http://schemas.openxmlformats.org/officeDocument/2006/relationships/image" Target="../media/image44.png"/><Relationship Id="rId10" Type="http://schemas.openxmlformats.org/officeDocument/2006/relationships/hyperlink" Target="mailto:strategicplanning@pennmedicine.upenn.edu" TargetMode="External"/><Relationship Id="rId4" Type="http://schemas.openxmlformats.org/officeDocument/2006/relationships/notesSlide" Target="../notesSlides/notesSlide8.xml"/><Relationship Id="rId9" Type="http://schemas.openxmlformats.org/officeDocument/2006/relationships/hyperlink" Target="https://www.pennmedicine.org/strategic-plan-2023-2028" TargetMode="Externa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46.xml"/><Relationship Id="rId2" Type="http://schemas.openxmlformats.org/officeDocument/2006/relationships/customXml" Target="../../customXml/item12.xml"/><Relationship Id="rId1" Type="http://schemas.openxmlformats.org/officeDocument/2006/relationships/customXml" Target="../../customXml/item19.xml"/><Relationship Id="rId4" Type="http://schemas.openxmlformats.org/officeDocument/2006/relationships/notesSlide" Target="../notesSlides/notesSlide9.xml"/></Relationships>
</file>

<file path=ppt/slides/_rels/slide2.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3.xml"/><Relationship Id="rId1" Type="http://schemas.openxmlformats.org/officeDocument/2006/relationships/customXml" Target="../../customXml/item1.xml"/><Relationship Id="rId4" Type="http://schemas.openxmlformats.org/officeDocument/2006/relationships/notesSlide" Target="../notesSlides/notesSlide1.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5.xml"/><Relationship Id="rId2" Type="http://schemas.openxmlformats.org/officeDocument/2006/relationships/customXml" Target="../../customXml/item6.xml"/><Relationship Id="rId1" Type="http://schemas.openxmlformats.org/officeDocument/2006/relationships/customXml" Target="../../customXml/item21.xml"/><Relationship Id="rId4" Type="http://schemas.openxmlformats.org/officeDocument/2006/relationships/notesSlide" Target="../notesSlides/notesSlide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41.xml"/><Relationship Id="rId2" Type="http://schemas.openxmlformats.org/officeDocument/2006/relationships/customXml" Target="../../customXml/item5.xml"/><Relationship Id="rId1" Type="http://schemas.openxmlformats.org/officeDocument/2006/relationships/customXml" Target="../../customXml/item8.xml"/><Relationship Id="rId6" Type="http://schemas.openxmlformats.org/officeDocument/2006/relationships/image" Target="../media/image22.png"/><Relationship Id="rId5" Type="http://schemas.openxmlformats.org/officeDocument/2006/relationships/image" Target="../media/image21.jpeg"/><Relationship Id="rId4" Type="http://schemas.openxmlformats.org/officeDocument/2006/relationships/notesSlide" Target="../notesSlides/notesSlide3.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41.xml"/><Relationship Id="rId2" Type="http://schemas.openxmlformats.org/officeDocument/2006/relationships/customXml" Target="../../customXml/item18.xml"/><Relationship Id="rId1" Type="http://schemas.openxmlformats.org/officeDocument/2006/relationships/customXml" Target="../../customXml/item11.xml"/><Relationship Id="rId6" Type="http://schemas.openxmlformats.org/officeDocument/2006/relationships/image" Target="../media/image24.png"/><Relationship Id="rId5" Type="http://schemas.openxmlformats.org/officeDocument/2006/relationships/image" Target="../media/image23.jpeg"/><Relationship Id="rId4" Type="http://schemas.openxmlformats.org/officeDocument/2006/relationships/notesSlide" Target="../notesSlides/notesSlide4.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41.xml"/><Relationship Id="rId2" Type="http://schemas.openxmlformats.org/officeDocument/2006/relationships/customXml" Target="../../customXml/item9.xml"/><Relationship Id="rId1" Type="http://schemas.openxmlformats.org/officeDocument/2006/relationships/customXml" Target="../../customXml/item15.xml"/><Relationship Id="rId6" Type="http://schemas.openxmlformats.org/officeDocument/2006/relationships/image" Target="../media/image26.png"/><Relationship Id="rId5" Type="http://schemas.openxmlformats.org/officeDocument/2006/relationships/image" Target="../media/image25.jpeg"/><Relationship Id="rId4" Type="http://schemas.openxmlformats.org/officeDocument/2006/relationships/notesSlide" Target="../notesSlides/notesSlide5.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41.xml"/><Relationship Id="rId2" Type="http://schemas.openxmlformats.org/officeDocument/2006/relationships/customXml" Target="../../customXml/item13.xml"/><Relationship Id="rId1" Type="http://schemas.openxmlformats.org/officeDocument/2006/relationships/customXml" Target="../../customXml/item2.xml"/><Relationship Id="rId6" Type="http://schemas.openxmlformats.org/officeDocument/2006/relationships/image" Target="../media/image28.png"/><Relationship Id="rId5" Type="http://schemas.openxmlformats.org/officeDocument/2006/relationships/image" Target="../media/image27.jpeg"/><Relationship Id="rId4" Type="http://schemas.openxmlformats.org/officeDocument/2006/relationships/notesSlide" Target="../notesSlides/notesSlide6.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41.xml"/><Relationship Id="rId2" Type="http://schemas.openxmlformats.org/officeDocument/2006/relationships/customXml" Target="../../customXml/item20.xml"/><Relationship Id="rId1" Type="http://schemas.openxmlformats.org/officeDocument/2006/relationships/customXml" Target="../../customXml/item4.xml"/><Relationship Id="rId6" Type="http://schemas.openxmlformats.org/officeDocument/2006/relationships/image" Target="../media/image30.png"/><Relationship Id="rId5" Type="http://schemas.openxmlformats.org/officeDocument/2006/relationships/image" Target="../media/image29.jpeg"/><Relationship Id="rId4" Type="http://schemas.openxmlformats.org/officeDocument/2006/relationships/notesSlide" Target="../notesSlides/notesSlide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9" name="Rectangle 118">
            <a:extLst>
              <a:ext uri="{FF2B5EF4-FFF2-40B4-BE49-F238E27FC236}">
                <a16:creationId xmlns:a16="http://schemas.microsoft.com/office/drawing/2014/main" id="{35D22195-F356-A328-BE2A-DDBB89EFB00A}"/>
              </a:ext>
            </a:extLst>
          </p:cNvPr>
          <p:cNvSpPr/>
          <p:nvPr/>
        </p:nvSpPr>
        <p:spPr>
          <a:xfrm>
            <a:off x="5486400" y="280547"/>
            <a:ext cx="6705600" cy="657745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pic>
        <p:nvPicPr>
          <p:cNvPr id="118" name="Graphic 117">
            <a:extLst>
              <a:ext uri="{FF2B5EF4-FFF2-40B4-BE49-F238E27FC236}">
                <a16:creationId xmlns:a16="http://schemas.microsoft.com/office/drawing/2014/main" id="{37173AAF-82FE-CCA4-2071-B6116BA2CCEA}"/>
              </a:ext>
            </a:extLst>
          </p:cNvPr>
          <p:cNvPicPr>
            <a:picLocks noChangeAspect="1"/>
          </p:cNvPicPr>
          <p:nvPr/>
        </p:nvPicPr>
        <p:blipFill>
          <a:blip r:embed="rId4">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863902" y="3053545"/>
            <a:ext cx="5413075" cy="3044855"/>
          </a:xfrm>
          <a:prstGeom prst="rect">
            <a:avLst/>
          </a:prstGeom>
        </p:spPr>
      </p:pic>
      <p:pic>
        <p:nvPicPr>
          <p:cNvPr id="11" name="Picture 10" descr="A close-up of a dna strand&#10;&#10;Description automatically generated">
            <a:extLst>
              <a:ext uri="{FF2B5EF4-FFF2-40B4-BE49-F238E27FC236}">
                <a16:creationId xmlns:a16="http://schemas.microsoft.com/office/drawing/2014/main" id="{5F43D472-6AE4-DAAF-35B8-8C67B57A4E19}"/>
              </a:ext>
            </a:extLst>
          </p:cNvPr>
          <p:cNvPicPr>
            <a:picLocks noChangeAspect="1"/>
          </p:cNvPicPr>
          <p:nvPr/>
        </p:nvPicPr>
        <p:blipFill rotWithShape="1">
          <a:blip r:embed="rId6">
            <a:extLst>
              <a:ext uri="{28A0092B-C50C-407E-A947-70E740481C1C}">
                <a14:useLocalDpi xmlns:a14="http://schemas.microsoft.com/office/drawing/2010/main"/>
              </a:ext>
            </a:extLst>
          </a:blip>
          <a:srcRect t="41919"/>
          <a:stretch/>
        </p:blipFill>
        <p:spPr>
          <a:xfrm>
            <a:off x="0" y="2874834"/>
            <a:ext cx="12192000" cy="3983166"/>
          </a:xfrm>
          <a:prstGeom prst="rect">
            <a:avLst/>
          </a:prstGeom>
        </p:spPr>
      </p:pic>
      <p:sp>
        <p:nvSpPr>
          <p:cNvPr id="6" name="Date Placeholder 5">
            <a:extLst>
              <a:ext uri="{FF2B5EF4-FFF2-40B4-BE49-F238E27FC236}">
                <a16:creationId xmlns:a16="http://schemas.microsoft.com/office/drawing/2014/main" id="{3A8AB653-73E8-05CF-EE6A-C97CDC398182}"/>
              </a:ext>
            </a:extLst>
          </p:cNvPr>
          <p:cNvSpPr>
            <a:spLocks noGrp="1"/>
          </p:cNvSpPr>
          <p:nvPr>
            <p:ph type="dt" sz="half" idx="10"/>
          </p:nvPr>
        </p:nvSpPr>
        <p:spPr/>
        <p:txBody>
          <a:bodyPr/>
          <a:lstStyle/>
          <a:p>
            <a:fld id="{FC60E991-4CE7-A54E-BF48-7E3FB8F1DD8C}" type="datetime4">
              <a:rPr lang="en-US" smtClean="0"/>
              <a:t>September 8, 2023</a:t>
            </a:fld>
            <a:endParaRPr lang="en-GB" dirty="0"/>
          </a:p>
        </p:txBody>
      </p:sp>
      <p:sp>
        <p:nvSpPr>
          <p:cNvPr id="7" name="Text Placeholder 6">
            <a:extLst>
              <a:ext uri="{FF2B5EF4-FFF2-40B4-BE49-F238E27FC236}">
                <a16:creationId xmlns:a16="http://schemas.microsoft.com/office/drawing/2014/main" id="{B8D9C3EF-627A-BBAB-47F5-A8850188ECE4}"/>
              </a:ext>
            </a:extLst>
          </p:cNvPr>
          <p:cNvSpPr>
            <a:spLocks noGrp="1"/>
          </p:cNvSpPr>
          <p:nvPr>
            <p:ph type="body" sz="quarter" idx="24"/>
          </p:nvPr>
        </p:nvSpPr>
        <p:spPr/>
        <p:txBody>
          <a:bodyPr/>
          <a:lstStyle/>
          <a:p>
            <a:endParaRPr lang="en-US"/>
          </a:p>
        </p:txBody>
      </p:sp>
      <p:sp>
        <p:nvSpPr>
          <p:cNvPr id="8" name="Text Placeholder 7">
            <a:extLst>
              <a:ext uri="{FF2B5EF4-FFF2-40B4-BE49-F238E27FC236}">
                <a16:creationId xmlns:a16="http://schemas.microsoft.com/office/drawing/2014/main" id="{3B0A0352-0993-5A10-9DB8-15A9E08252C2}"/>
              </a:ext>
            </a:extLst>
          </p:cNvPr>
          <p:cNvSpPr>
            <a:spLocks noGrp="1"/>
          </p:cNvSpPr>
          <p:nvPr>
            <p:ph type="body" sz="quarter" idx="25"/>
          </p:nvPr>
        </p:nvSpPr>
        <p:spPr/>
        <p:txBody>
          <a:bodyPr/>
          <a:lstStyle/>
          <a:p>
            <a:endParaRPr lang="en-US"/>
          </a:p>
        </p:txBody>
      </p:sp>
      <p:sp>
        <p:nvSpPr>
          <p:cNvPr id="9" name="Text Placeholder 8">
            <a:extLst>
              <a:ext uri="{FF2B5EF4-FFF2-40B4-BE49-F238E27FC236}">
                <a16:creationId xmlns:a16="http://schemas.microsoft.com/office/drawing/2014/main" id="{3AF300B6-9276-86F8-1C0B-647A427937A1}"/>
              </a:ext>
            </a:extLst>
          </p:cNvPr>
          <p:cNvSpPr>
            <a:spLocks noGrp="1"/>
          </p:cNvSpPr>
          <p:nvPr>
            <p:ph type="body" sz="quarter" idx="26"/>
          </p:nvPr>
        </p:nvSpPr>
        <p:spPr/>
        <p:txBody>
          <a:bodyPr/>
          <a:lstStyle/>
          <a:p>
            <a:endParaRPr lang="en-US"/>
          </a:p>
        </p:txBody>
      </p:sp>
      <p:pic>
        <p:nvPicPr>
          <p:cNvPr id="3" name="Picture 2" descr="A black background with red and blue text&#10;&#10;Description automatically generated">
            <a:extLst>
              <a:ext uri="{FF2B5EF4-FFF2-40B4-BE49-F238E27FC236}">
                <a16:creationId xmlns:a16="http://schemas.microsoft.com/office/drawing/2014/main" id="{73C5461F-777A-C3E1-60B0-9C4BE8C02348}"/>
              </a:ext>
            </a:extLst>
          </p:cNvPr>
          <p:cNvPicPr>
            <a:picLocks noChangeAspect="1"/>
          </p:cNvPicPr>
          <p:nvPr/>
        </p:nvPicPr>
        <p:blipFill rotWithShape="1">
          <a:blip r:embed="rId7">
            <a:extLst>
              <a:ext uri="{28A0092B-C50C-407E-A947-70E740481C1C}">
                <a14:useLocalDpi xmlns:a14="http://schemas.microsoft.com/office/drawing/2010/main"/>
              </a:ext>
            </a:extLst>
          </a:blip>
          <a:srcRect/>
          <a:stretch/>
        </p:blipFill>
        <p:spPr>
          <a:xfrm>
            <a:off x="1285875" y="2092149"/>
            <a:ext cx="7061894" cy="1776814"/>
          </a:xfrm>
          <a:prstGeom prst="rect">
            <a:avLst/>
          </a:prstGeom>
        </p:spPr>
      </p:pic>
      <p:pic>
        <p:nvPicPr>
          <p:cNvPr id="12" name="Picture 11" descr="A black screen with a black background&#10;&#10;Description automatically generated">
            <a:extLst>
              <a:ext uri="{FF2B5EF4-FFF2-40B4-BE49-F238E27FC236}">
                <a16:creationId xmlns:a16="http://schemas.microsoft.com/office/drawing/2014/main" id="{F6F83F2D-204B-D409-6690-F022A9102004}"/>
              </a:ext>
            </a:extLst>
          </p:cNvPr>
          <p:cNvPicPr>
            <a:picLocks noChangeAspect="1"/>
          </p:cNvPicPr>
          <p:nvPr/>
        </p:nvPicPr>
        <p:blipFill rotWithShape="1">
          <a:blip r:embed="rId8">
            <a:extLst>
              <a:ext uri="{28A0092B-C50C-407E-A947-70E740481C1C}">
                <a14:useLocalDpi xmlns:a14="http://schemas.microsoft.com/office/drawing/2010/main"/>
              </a:ext>
            </a:extLst>
          </a:blip>
          <a:srcRect/>
          <a:stretch/>
        </p:blipFill>
        <p:spPr>
          <a:xfrm>
            <a:off x="8341709" y="5311057"/>
            <a:ext cx="3129566" cy="827804"/>
          </a:xfrm>
          <a:prstGeom prst="rect">
            <a:avLst/>
          </a:prstGeom>
        </p:spPr>
      </p:pic>
    </p:spTree>
    <p:custDataLst>
      <p:custData r:id="rId1"/>
      <p:custData r:id="rId2"/>
    </p:custDataLst>
    <p:extLst>
      <p:ext uri="{BB962C8B-B14F-4D97-AF65-F5344CB8AC3E}">
        <p14:creationId xmlns:p14="http://schemas.microsoft.com/office/powerpoint/2010/main" val="399035734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blue rectangular object with black background&#10;&#10;Description automatically generated">
            <a:extLst>
              <a:ext uri="{FF2B5EF4-FFF2-40B4-BE49-F238E27FC236}">
                <a16:creationId xmlns:a16="http://schemas.microsoft.com/office/drawing/2014/main" id="{937EF969-9D38-995F-F592-CAFDCA705A09}"/>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6" name="Text Placeholder 2">
            <a:extLst>
              <a:ext uri="{FF2B5EF4-FFF2-40B4-BE49-F238E27FC236}">
                <a16:creationId xmlns:a16="http://schemas.microsoft.com/office/drawing/2014/main" id="{5BC9CC0A-9237-8AD1-5A12-6763BDDEDCA1}"/>
              </a:ext>
            </a:extLst>
          </p:cNvPr>
          <p:cNvSpPr>
            <a:spLocks noGrp="1"/>
          </p:cNvSpPr>
          <p:nvPr>
            <p:ph type="body" sz="quarter" idx="12"/>
          </p:nvPr>
        </p:nvSpPr>
        <p:spPr/>
        <p:txBody>
          <a:bodyPr/>
          <a:lstStyle/>
          <a:p>
            <a:r>
              <a:rPr lang="en-US" dirty="0"/>
              <a:t>Implementation</a:t>
            </a:r>
          </a:p>
        </p:txBody>
      </p:sp>
      <p:sp>
        <p:nvSpPr>
          <p:cNvPr id="8" name="Content Placeholder 7">
            <a:extLst>
              <a:ext uri="{FF2B5EF4-FFF2-40B4-BE49-F238E27FC236}">
                <a16:creationId xmlns:a16="http://schemas.microsoft.com/office/drawing/2014/main" id="{D498C8B2-262E-1CC9-5103-551A3B92E26D}"/>
              </a:ext>
            </a:extLst>
          </p:cNvPr>
          <p:cNvSpPr>
            <a:spLocks noGrp="1"/>
          </p:cNvSpPr>
          <p:nvPr>
            <p:ph sz="quarter" idx="13"/>
          </p:nvPr>
        </p:nvSpPr>
        <p:spPr>
          <a:xfrm>
            <a:off x="720000" y="2185456"/>
            <a:ext cx="9530905" cy="3952544"/>
          </a:xfrm>
        </p:spPr>
        <p:txBody>
          <a:bodyPr/>
          <a:lstStyle/>
          <a:p>
            <a:r>
              <a:rPr lang="en-US" dirty="0">
                <a:solidFill>
                  <a:schemeClr val="bg1"/>
                </a:solidFill>
              </a:rPr>
              <a:t>The Strategic Plan was developed with input from various stakeholders across Penn Medicine, and its implementation will follow the same collaborative approach.</a:t>
            </a:r>
          </a:p>
          <a:p>
            <a:r>
              <a:rPr lang="en-US" b="1" dirty="0">
                <a:solidFill>
                  <a:srgbClr val="9EC3E1"/>
                </a:solidFill>
              </a:rPr>
              <a:t>Under the direction of J Larry Jameson, EVP/Dean and Kevin Mahoney, CEO of UPHS:</a:t>
            </a:r>
          </a:p>
          <a:p>
            <a:pPr lvl="1"/>
            <a:r>
              <a:rPr lang="en-US" dirty="0">
                <a:solidFill>
                  <a:schemeClr val="bg1"/>
                </a:solidFill>
              </a:rPr>
              <a:t>Accountable Leaders are assigned to help lead the work in each Strategic Goal.</a:t>
            </a:r>
          </a:p>
          <a:p>
            <a:pPr lvl="1"/>
            <a:r>
              <a:rPr lang="en-US" dirty="0">
                <a:solidFill>
                  <a:schemeClr val="bg1"/>
                </a:solidFill>
              </a:rPr>
              <a:t>A steering committee oversees implementation and progress.</a:t>
            </a:r>
          </a:p>
        </p:txBody>
      </p:sp>
      <p:sp>
        <p:nvSpPr>
          <p:cNvPr id="2" name="Title 1">
            <a:extLst>
              <a:ext uri="{FF2B5EF4-FFF2-40B4-BE49-F238E27FC236}">
                <a16:creationId xmlns:a16="http://schemas.microsoft.com/office/drawing/2014/main" id="{A231910D-34E8-E2BA-545B-26C7255CF02C}"/>
              </a:ext>
            </a:extLst>
          </p:cNvPr>
          <p:cNvSpPr>
            <a:spLocks noGrp="1"/>
          </p:cNvSpPr>
          <p:nvPr>
            <p:ph type="title"/>
          </p:nvPr>
        </p:nvSpPr>
        <p:spPr/>
        <p:txBody>
          <a:bodyPr/>
          <a:lstStyle/>
          <a:p>
            <a:r>
              <a:rPr lang="en-US" dirty="0"/>
              <a:t>Learning and Living the Plan</a:t>
            </a:r>
          </a:p>
        </p:txBody>
      </p:sp>
    </p:spTree>
    <p:extLst>
      <p:ext uri="{BB962C8B-B14F-4D97-AF65-F5344CB8AC3E}">
        <p14:creationId xmlns:p14="http://schemas.microsoft.com/office/powerpoint/2010/main" val="24958049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blue rectangular object with black background&#10;&#10;Description automatically generated">
            <a:extLst>
              <a:ext uri="{FF2B5EF4-FFF2-40B4-BE49-F238E27FC236}">
                <a16:creationId xmlns:a16="http://schemas.microsoft.com/office/drawing/2014/main" id="{937EF969-9D38-995F-F592-CAFDCA705A09}"/>
              </a:ext>
            </a:extLst>
          </p:cNvPr>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A231910D-34E8-E2BA-545B-26C7255CF02C}"/>
              </a:ext>
            </a:extLst>
          </p:cNvPr>
          <p:cNvSpPr>
            <a:spLocks noGrp="1"/>
          </p:cNvSpPr>
          <p:nvPr>
            <p:ph type="title"/>
          </p:nvPr>
        </p:nvSpPr>
        <p:spPr/>
        <p:txBody>
          <a:bodyPr/>
          <a:lstStyle/>
          <a:p>
            <a:r>
              <a:rPr lang="en-US" dirty="0"/>
              <a:t>Learning and Living the Plan</a:t>
            </a:r>
          </a:p>
        </p:txBody>
      </p:sp>
      <p:sp>
        <p:nvSpPr>
          <p:cNvPr id="8" name="Content Placeholder 7">
            <a:extLst>
              <a:ext uri="{FF2B5EF4-FFF2-40B4-BE49-F238E27FC236}">
                <a16:creationId xmlns:a16="http://schemas.microsoft.com/office/drawing/2014/main" id="{D498C8B2-262E-1CC9-5103-551A3B92E26D}"/>
              </a:ext>
            </a:extLst>
          </p:cNvPr>
          <p:cNvSpPr>
            <a:spLocks noGrp="1"/>
          </p:cNvSpPr>
          <p:nvPr>
            <p:ph idx="1"/>
          </p:nvPr>
        </p:nvSpPr>
        <p:spPr>
          <a:xfrm>
            <a:off x="720000" y="2001600"/>
            <a:ext cx="5196000" cy="4297675"/>
          </a:xfrm>
        </p:spPr>
        <p:txBody>
          <a:bodyPr/>
          <a:lstStyle/>
          <a:p>
            <a:pPr lvl="5"/>
            <a:r>
              <a:rPr lang="en-US" dirty="0">
                <a:solidFill>
                  <a:srgbClr val="9EC3E1"/>
                </a:solidFill>
              </a:rPr>
              <a:t>For Managers:</a:t>
            </a:r>
          </a:p>
          <a:p>
            <a:pPr lvl="1">
              <a:spcBef>
                <a:spcPts val="1600"/>
              </a:spcBef>
            </a:pPr>
            <a:r>
              <a:rPr lang="en-US" b="1" dirty="0">
                <a:solidFill>
                  <a:schemeClr val="bg1"/>
                </a:solidFill>
              </a:rPr>
              <a:t>Take time to read the </a:t>
            </a:r>
            <a:r>
              <a:rPr lang="en-US" b="1" dirty="0">
                <a:solidFill>
                  <a:srgbClr val="9EC3E1"/>
                </a:solidFill>
                <a:hlinkClick r:id="rId3">
                  <a:extLst>
                    <a:ext uri="{A12FA001-AC4F-418D-AE19-62706E023703}">
                      <ahyp:hlinkClr xmlns:ahyp="http://schemas.microsoft.com/office/drawing/2018/hyperlinkcolor" val="tx"/>
                    </a:ext>
                  </a:extLst>
                </a:hlinkClick>
              </a:rPr>
              <a:t>Strategic Plan document </a:t>
            </a:r>
            <a:r>
              <a:rPr lang="en-US" dirty="0">
                <a:solidFill>
                  <a:schemeClr val="accent6"/>
                </a:solidFill>
              </a:rPr>
              <a:t>thoroughly to understand its goals, strategies, and overall direction. </a:t>
            </a:r>
          </a:p>
          <a:p>
            <a:pPr lvl="1">
              <a:spcBef>
                <a:spcPts val="1600"/>
              </a:spcBef>
            </a:pPr>
            <a:r>
              <a:rPr lang="en-US" b="1" dirty="0">
                <a:solidFill>
                  <a:schemeClr val="bg1"/>
                </a:solidFill>
              </a:rPr>
              <a:t>The Plan is meant to provide an inspiring vision of the goals for the institution and how we can help our communities. </a:t>
            </a:r>
            <a:r>
              <a:rPr lang="en-US" dirty="0">
                <a:solidFill>
                  <a:schemeClr val="accent6"/>
                </a:solidFill>
              </a:rPr>
              <a:t>People already choose to work at Penn Medicine because of those desires to serve a greater good, and the Plan is a reminder of that.</a:t>
            </a:r>
          </a:p>
        </p:txBody>
      </p:sp>
      <p:sp>
        <p:nvSpPr>
          <p:cNvPr id="6" name="Content Placeholder 5">
            <a:extLst>
              <a:ext uri="{FF2B5EF4-FFF2-40B4-BE49-F238E27FC236}">
                <a16:creationId xmlns:a16="http://schemas.microsoft.com/office/drawing/2014/main" id="{ED59BF36-06F5-2D9F-CCC0-60C1098970AF}"/>
              </a:ext>
            </a:extLst>
          </p:cNvPr>
          <p:cNvSpPr>
            <a:spLocks noGrp="1"/>
          </p:cNvSpPr>
          <p:nvPr>
            <p:ph idx="12"/>
          </p:nvPr>
        </p:nvSpPr>
        <p:spPr>
          <a:xfrm>
            <a:off x="6275999" y="2476937"/>
            <a:ext cx="5196000" cy="3868637"/>
          </a:xfrm>
        </p:spPr>
        <p:txBody>
          <a:bodyPr/>
          <a:lstStyle/>
          <a:p>
            <a:pPr lvl="1">
              <a:spcBef>
                <a:spcPts val="1600"/>
              </a:spcBef>
            </a:pPr>
            <a:r>
              <a:rPr lang="en-US" b="1" dirty="0">
                <a:solidFill>
                  <a:schemeClr val="bg1"/>
                </a:solidFill>
              </a:rPr>
              <a:t>Think about how the goals apply to your everyday work and guide your team to do the same. </a:t>
            </a:r>
            <a:r>
              <a:rPr lang="en-US" dirty="0">
                <a:solidFill>
                  <a:schemeClr val="accent6"/>
                </a:solidFill>
              </a:rPr>
              <a:t>Which plan elements are most relevant will be different for each group.</a:t>
            </a:r>
          </a:p>
          <a:p>
            <a:pPr lvl="1">
              <a:spcBef>
                <a:spcPts val="1600"/>
              </a:spcBef>
            </a:pPr>
            <a:r>
              <a:rPr lang="en-US" b="1" dirty="0">
                <a:solidFill>
                  <a:schemeClr val="bg1"/>
                </a:solidFill>
              </a:rPr>
              <a:t>Keep the plan at the forefront of your work. </a:t>
            </a:r>
            <a:r>
              <a:rPr lang="en-US" dirty="0">
                <a:solidFill>
                  <a:schemeClr val="accent6"/>
                </a:solidFill>
              </a:rPr>
              <a:t>Include it as a topic at your regular staff meetings. </a:t>
            </a:r>
          </a:p>
          <a:p>
            <a:pPr lvl="1">
              <a:spcBef>
                <a:spcPts val="1600"/>
              </a:spcBef>
            </a:pPr>
            <a:r>
              <a:rPr lang="en-US" b="1" dirty="0">
                <a:solidFill>
                  <a:schemeClr val="bg1"/>
                </a:solidFill>
              </a:rPr>
              <a:t>Avoid the trap of thinking you have your work and now you also have to advance the Strategic Plan. </a:t>
            </a:r>
            <a:r>
              <a:rPr lang="en-US" dirty="0">
                <a:solidFill>
                  <a:schemeClr val="accent6"/>
                </a:solidFill>
              </a:rPr>
              <a:t>Align your individual and team goals with the Strategic Plan. This is our new roadmap.</a:t>
            </a:r>
          </a:p>
          <a:p>
            <a:endParaRPr lang="en-US" dirty="0"/>
          </a:p>
        </p:txBody>
      </p:sp>
      <p:sp>
        <p:nvSpPr>
          <p:cNvPr id="3" name="Text Placeholder 2">
            <a:extLst>
              <a:ext uri="{FF2B5EF4-FFF2-40B4-BE49-F238E27FC236}">
                <a16:creationId xmlns:a16="http://schemas.microsoft.com/office/drawing/2014/main" id="{2A678B64-5697-CBE1-949A-5BFFE8E02E3B}"/>
              </a:ext>
            </a:extLst>
          </p:cNvPr>
          <p:cNvSpPr>
            <a:spLocks noGrp="1"/>
          </p:cNvSpPr>
          <p:nvPr>
            <p:ph type="body" sz="quarter" idx="13"/>
          </p:nvPr>
        </p:nvSpPr>
        <p:spPr>
          <a:xfrm>
            <a:off x="720000" y="1337093"/>
            <a:ext cx="10752000" cy="347020"/>
          </a:xfrm>
        </p:spPr>
        <p:txBody>
          <a:bodyPr/>
          <a:lstStyle/>
          <a:p>
            <a:r>
              <a:rPr lang="en-US" dirty="0"/>
              <a:t>Implementation &amp; resources</a:t>
            </a:r>
          </a:p>
        </p:txBody>
      </p:sp>
    </p:spTree>
    <p:extLst>
      <p:ext uri="{BB962C8B-B14F-4D97-AF65-F5344CB8AC3E}">
        <p14:creationId xmlns:p14="http://schemas.microsoft.com/office/powerpoint/2010/main" val="249554818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6" name="Group 15">
            <a:extLst>
              <a:ext uri="{FF2B5EF4-FFF2-40B4-BE49-F238E27FC236}">
                <a16:creationId xmlns:a16="http://schemas.microsoft.com/office/drawing/2014/main" id="{ADA32B7C-A03C-6BC5-7920-13786CEB9612}"/>
              </a:ext>
            </a:extLst>
          </p:cNvPr>
          <p:cNvGrpSpPr/>
          <p:nvPr/>
        </p:nvGrpSpPr>
        <p:grpSpPr>
          <a:xfrm rot="5044496" flipH="1">
            <a:off x="6979415" y="-2535267"/>
            <a:ext cx="7132695" cy="7628971"/>
            <a:chOff x="3998339" y="-1284257"/>
            <a:chExt cx="6499168" cy="6951365"/>
          </a:xfrm>
        </p:grpSpPr>
        <p:grpSp>
          <p:nvGrpSpPr>
            <p:cNvPr id="17" name="Graphic 15">
              <a:extLst>
                <a:ext uri="{FF2B5EF4-FFF2-40B4-BE49-F238E27FC236}">
                  <a16:creationId xmlns:a16="http://schemas.microsoft.com/office/drawing/2014/main" id="{2EC0A139-7120-F709-DADA-F85942237AD1}"/>
                </a:ext>
              </a:extLst>
            </p:cNvPr>
            <p:cNvGrpSpPr/>
            <p:nvPr/>
          </p:nvGrpSpPr>
          <p:grpSpPr>
            <a:xfrm>
              <a:off x="3998339" y="-1284257"/>
              <a:ext cx="6499168" cy="6951365"/>
              <a:chOff x="3998339" y="-1284257"/>
              <a:chExt cx="6499168" cy="6951365"/>
            </a:xfrm>
          </p:grpSpPr>
          <p:sp>
            <p:nvSpPr>
              <p:cNvPr id="21" name="Freeform 20">
                <a:extLst>
                  <a:ext uri="{FF2B5EF4-FFF2-40B4-BE49-F238E27FC236}">
                    <a16:creationId xmlns:a16="http://schemas.microsoft.com/office/drawing/2014/main" id="{1D562A49-0133-FF29-BDFB-C275895A051C}"/>
                  </a:ext>
                </a:extLst>
              </p:cNvPr>
              <p:cNvSpPr/>
              <p:nvPr/>
            </p:nvSpPr>
            <p:spPr>
              <a:xfrm>
                <a:off x="3998339" y="-1284257"/>
                <a:ext cx="5164217" cy="5155806"/>
              </a:xfrm>
              <a:custGeom>
                <a:avLst/>
                <a:gdLst>
                  <a:gd name="connsiteX0" fmla="*/ 5164218 w 5164217"/>
                  <a:gd name="connsiteY0" fmla="*/ 96 h 5155806"/>
                  <a:gd name="connsiteX1" fmla="*/ 83040 w 5164217"/>
                  <a:gd name="connsiteY1" fmla="*/ 5155807 h 5155806"/>
                  <a:gd name="connsiteX2" fmla="*/ 94980 w 5164217"/>
                  <a:gd name="connsiteY2" fmla="*/ 5103249 h 5155806"/>
                  <a:gd name="connsiteX3" fmla="*/ 4921802 w 5164217"/>
                  <a:gd name="connsiteY3" fmla="*/ 342778 h 5155806"/>
                  <a:gd name="connsiteX4" fmla="*/ 5164218 w 5164217"/>
                  <a:gd name="connsiteY4" fmla="*/ 0 h 5155806"/>
                  <a:gd name="connsiteX5" fmla="*/ 5164218 w 5164217"/>
                  <a:gd name="connsiteY5" fmla="*/ 0 h 51558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64217" h="5155806">
                    <a:moveTo>
                      <a:pt x="5164218" y="96"/>
                    </a:moveTo>
                    <a:cubicBezTo>
                      <a:pt x="4909577" y="2855174"/>
                      <a:pt x="2994608" y="4946337"/>
                      <a:pt x="83040" y="5155807"/>
                    </a:cubicBezTo>
                    <a:cubicBezTo>
                      <a:pt x="83040" y="5155807"/>
                      <a:pt x="-111522" y="5114429"/>
                      <a:pt x="94980" y="5103249"/>
                    </a:cubicBezTo>
                    <a:cubicBezTo>
                      <a:pt x="1764955" y="5013421"/>
                      <a:pt x="4667734" y="3821297"/>
                      <a:pt x="4921802" y="342778"/>
                    </a:cubicBezTo>
                    <a:cubicBezTo>
                      <a:pt x="4921802" y="342778"/>
                      <a:pt x="5164218" y="0"/>
                      <a:pt x="5164218" y="0"/>
                    </a:cubicBezTo>
                    <a:lnTo>
                      <a:pt x="5164218" y="0"/>
                    </a:lnTo>
                    <a:close/>
                  </a:path>
                </a:pathLst>
              </a:custGeom>
              <a:gradFill>
                <a:gsLst>
                  <a:gs pos="20000">
                    <a:schemeClr val="accent5"/>
                  </a:gs>
                  <a:gs pos="67000">
                    <a:schemeClr val="bg1"/>
                  </a:gs>
                </a:gsLst>
                <a:lin ang="8100000" scaled="1"/>
              </a:gradFill>
              <a:ln w="9546" cap="flat">
                <a:noFill/>
                <a:prstDash val="solid"/>
                <a:miter/>
              </a:ln>
            </p:spPr>
            <p:txBody>
              <a:bodyPr rtlCol="0" anchor="ctr"/>
              <a:lstStyle/>
              <a:p>
                <a:endParaRPr lang="en-US" dirty="0"/>
              </a:p>
            </p:txBody>
          </p:sp>
          <p:sp>
            <p:nvSpPr>
              <p:cNvPr id="24" name="Freeform 23">
                <a:extLst>
                  <a:ext uri="{FF2B5EF4-FFF2-40B4-BE49-F238E27FC236}">
                    <a16:creationId xmlns:a16="http://schemas.microsoft.com/office/drawing/2014/main" id="{96C88E7A-6E2F-6C6D-EF34-73CFF117005B}"/>
                  </a:ext>
                </a:extLst>
              </p:cNvPr>
              <p:cNvSpPr/>
              <p:nvPr/>
            </p:nvSpPr>
            <p:spPr>
              <a:xfrm>
                <a:off x="7276453" y="-986584"/>
                <a:ext cx="3221054" cy="6653692"/>
              </a:xfrm>
              <a:custGeom>
                <a:avLst/>
                <a:gdLst>
                  <a:gd name="connsiteX0" fmla="*/ 263409 w 3221054"/>
                  <a:gd name="connsiteY0" fmla="*/ 0 h 6653692"/>
                  <a:gd name="connsiteX1" fmla="*/ 3131421 w 3221054"/>
                  <a:gd name="connsiteY1" fmla="*/ 6647803 h 6653692"/>
                  <a:gd name="connsiteX2" fmla="*/ 3139348 w 3221054"/>
                  <a:gd name="connsiteY2" fmla="*/ 6594575 h 6653692"/>
                  <a:gd name="connsiteX3" fmla="*/ 365323 w 3221054"/>
                  <a:gd name="connsiteY3" fmla="*/ 407472 h 6653692"/>
                  <a:gd name="connsiteX4" fmla="*/ 263504 w 3221054"/>
                  <a:gd name="connsiteY4" fmla="*/ 96 h 6653692"/>
                  <a:gd name="connsiteX5" fmla="*/ 263504 w 3221054"/>
                  <a:gd name="connsiteY5" fmla="*/ 96 h 665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221054" h="6653692">
                    <a:moveTo>
                      <a:pt x="263409" y="0"/>
                    </a:moveTo>
                    <a:cubicBezTo>
                      <a:pt x="-533564" y="2753402"/>
                      <a:pt x="493694" y="5396717"/>
                      <a:pt x="3131421" y="6647803"/>
                    </a:cubicBezTo>
                    <a:cubicBezTo>
                      <a:pt x="3131421" y="6647803"/>
                      <a:pt x="3327704" y="6679815"/>
                      <a:pt x="3139348" y="6594575"/>
                    </a:cubicBezTo>
                    <a:cubicBezTo>
                      <a:pt x="1615511" y="5905293"/>
                      <a:pt x="-658019" y="3741599"/>
                      <a:pt x="365323" y="407472"/>
                    </a:cubicBezTo>
                    <a:cubicBezTo>
                      <a:pt x="365323" y="407472"/>
                      <a:pt x="263504" y="96"/>
                      <a:pt x="263504" y="96"/>
                    </a:cubicBezTo>
                    <a:lnTo>
                      <a:pt x="263504" y="96"/>
                    </a:lnTo>
                    <a:close/>
                  </a:path>
                </a:pathLst>
              </a:custGeom>
              <a:gradFill flip="none" rotWithShape="1">
                <a:gsLst>
                  <a:gs pos="22000">
                    <a:schemeClr val="accent1"/>
                  </a:gs>
                  <a:gs pos="81000">
                    <a:schemeClr val="bg1">
                      <a:alpha val="0"/>
                    </a:schemeClr>
                  </a:gs>
                </a:gsLst>
                <a:lin ang="0" scaled="1"/>
                <a:tileRect/>
              </a:gradFill>
              <a:ln w="9546" cap="flat">
                <a:noFill/>
                <a:prstDash val="solid"/>
                <a:miter/>
              </a:ln>
            </p:spPr>
            <p:txBody>
              <a:bodyPr rtlCol="0" anchor="ctr"/>
              <a:lstStyle/>
              <a:p>
                <a:endParaRPr lang="en-US" dirty="0"/>
              </a:p>
            </p:txBody>
          </p:sp>
        </p:grpSp>
        <p:sp>
          <p:nvSpPr>
            <p:cNvPr id="18" name="Freeform 17">
              <a:extLst>
                <a:ext uri="{FF2B5EF4-FFF2-40B4-BE49-F238E27FC236}">
                  <a16:creationId xmlns:a16="http://schemas.microsoft.com/office/drawing/2014/main" id="{5AC3CA1B-29CF-F33A-CCAC-7917DE32B95D}"/>
                </a:ext>
              </a:extLst>
            </p:cNvPr>
            <p:cNvSpPr/>
            <p:nvPr/>
          </p:nvSpPr>
          <p:spPr>
            <a:xfrm>
              <a:off x="6751963" y="1295259"/>
              <a:ext cx="520936" cy="385983"/>
            </a:xfrm>
            <a:custGeom>
              <a:avLst/>
              <a:gdLst>
                <a:gd name="connsiteX0" fmla="*/ 520936 w 520936"/>
                <a:gd name="connsiteY0" fmla="*/ 380965 h 385983"/>
                <a:gd name="connsiteX1" fmla="*/ 0 w 520936"/>
                <a:gd name="connsiteY1" fmla="*/ 4359 h 385983"/>
                <a:gd name="connsiteX2" fmla="*/ 520936 w 520936"/>
                <a:gd name="connsiteY2" fmla="*/ 380965 h 385983"/>
                <a:gd name="connsiteX3" fmla="*/ 520936 w 520936"/>
                <a:gd name="connsiteY3" fmla="*/ 380965 h 385983"/>
              </a:gdLst>
              <a:ahLst/>
              <a:cxnLst>
                <a:cxn ang="0">
                  <a:pos x="connsiteX0" y="connsiteY0"/>
                </a:cxn>
                <a:cxn ang="0">
                  <a:pos x="connsiteX1" y="connsiteY1"/>
                </a:cxn>
                <a:cxn ang="0">
                  <a:pos x="connsiteX2" y="connsiteY2"/>
                </a:cxn>
                <a:cxn ang="0">
                  <a:pos x="connsiteX3" y="connsiteY3"/>
                </a:cxn>
              </a:cxnLst>
              <a:rect l="l" t="t" r="r" b="b"/>
              <a:pathLst>
                <a:path w="520936" h="385983">
                  <a:moveTo>
                    <a:pt x="520936" y="380965"/>
                  </a:moveTo>
                  <a:cubicBezTo>
                    <a:pt x="520936" y="380965"/>
                    <a:pt x="443187" y="-47531"/>
                    <a:pt x="0" y="4359"/>
                  </a:cubicBezTo>
                  <a:cubicBezTo>
                    <a:pt x="0" y="4359"/>
                    <a:pt x="74119" y="437060"/>
                    <a:pt x="520936" y="380965"/>
                  </a:cubicBezTo>
                  <a:lnTo>
                    <a:pt x="520936" y="380965"/>
                  </a:lnTo>
                  <a:close/>
                </a:path>
              </a:pathLst>
            </a:custGeom>
            <a:solidFill>
              <a:schemeClr val="accent5"/>
            </a:solidFill>
            <a:ln w="9546" cap="flat">
              <a:noFill/>
              <a:prstDash val="solid"/>
              <a:miter/>
            </a:ln>
          </p:spPr>
          <p:txBody>
            <a:bodyPr rtlCol="0" anchor="ctr"/>
            <a:lstStyle/>
            <a:p>
              <a:endParaRPr lang="en-US"/>
            </a:p>
          </p:txBody>
        </p:sp>
        <p:sp>
          <p:nvSpPr>
            <p:cNvPr id="19" name="Freeform 18">
              <a:extLst>
                <a:ext uri="{FF2B5EF4-FFF2-40B4-BE49-F238E27FC236}">
                  <a16:creationId xmlns:a16="http://schemas.microsoft.com/office/drawing/2014/main" id="{AA3C4815-96BD-5AD9-A578-D3E8C504BDBE}"/>
                </a:ext>
              </a:extLst>
            </p:cNvPr>
            <p:cNvSpPr/>
            <p:nvPr/>
          </p:nvSpPr>
          <p:spPr>
            <a:xfrm>
              <a:off x="6987693" y="1737002"/>
              <a:ext cx="296476" cy="305317"/>
            </a:xfrm>
            <a:custGeom>
              <a:avLst/>
              <a:gdLst>
                <a:gd name="connsiteX0" fmla="*/ 0 w 296476"/>
                <a:gd name="connsiteY0" fmla="*/ 305318 h 305317"/>
                <a:gd name="connsiteX1" fmla="*/ 296477 w 296476"/>
                <a:gd name="connsiteY1" fmla="*/ 0 h 305317"/>
                <a:gd name="connsiteX2" fmla="*/ 0 w 296476"/>
                <a:gd name="connsiteY2" fmla="*/ 305318 h 305317"/>
                <a:gd name="connsiteX3" fmla="*/ 0 w 296476"/>
                <a:gd name="connsiteY3" fmla="*/ 305318 h 305317"/>
              </a:gdLst>
              <a:ahLst/>
              <a:cxnLst>
                <a:cxn ang="0">
                  <a:pos x="connsiteX0" y="connsiteY0"/>
                </a:cxn>
                <a:cxn ang="0">
                  <a:pos x="connsiteX1" y="connsiteY1"/>
                </a:cxn>
                <a:cxn ang="0">
                  <a:pos x="connsiteX2" y="connsiteY2"/>
                </a:cxn>
                <a:cxn ang="0">
                  <a:pos x="connsiteX3" y="connsiteY3"/>
                </a:cxn>
              </a:cxnLst>
              <a:rect l="l" t="t" r="r" b="b"/>
              <a:pathLst>
                <a:path w="296476" h="305317">
                  <a:moveTo>
                    <a:pt x="0" y="305318"/>
                  </a:moveTo>
                  <a:cubicBezTo>
                    <a:pt x="0" y="305318"/>
                    <a:pt x="282054" y="275120"/>
                    <a:pt x="296477" y="0"/>
                  </a:cubicBezTo>
                  <a:cubicBezTo>
                    <a:pt x="296477" y="0"/>
                    <a:pt x="12130" y="27808"/>
                    <a:pt x="0" y="305318"/>
                  </a:cubicBezTo>
                  <a:lnTo>
                    <a:pt x="0" y="305318"/>
                  </a:lnTo>
                  <a:close/>
                </a:path>
              </a:pathLst>
            </a:custGeom>
            <a:solidFill>
              <a:schemeClr val="accent5"/>
            </a:solidFill>
            <a:ln w="9546" cap="flat">
              <a:noFill/>
              <a:prstDash val="solid"/>
              <a:miter/>
            </a:ln>
          </p:spPr>
          <p:txBody>
            <a:bodyPr rtlCol="0" anchor="ctr"/>
            <a:lstStyle/>
            <a:p>
              <a:endParaRPr lang="en-US"/>
            </a:p>
          </p:txBody>
        </p:sp>
      </p:grpSp>
      <p:sp>
        <p:nvSpPr>
          <p:cNvPr id="23" name="Rectangle 22">
            <a:extLst>
              <a:ext uri="{FF2B5EF4-FFF2-40B4-BE49-F238E27FC236}">
                <a16:creationId xmlns:a16="http://schemas.microsoft.com/office/drawing/2014/main" id="{B8CB4FE7-5F66-9352-0707-B96FAFA01063}"/>
              </a:ext>
            </a:extLst>
          </p:cNvPr>
          <p:cNvSpPr/>
          <p:nvPr/>
        </p:nvSpPr>
        <p:spPr>
          <a:xfrm>
            <a:off x="7432788" y="1817624"/>
            <a:ext cx="4046424" cy="5065776"/>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2" name="Title 1">
            <a:extLst>
              <a:ext uri="{FF2B5EF4-FFF2-40B4-BE49-F238E27FC236}">
                <a16:creationId xmlns:a16="http://schemas.microsoft.com/office/drawing/2014/main" id="{DC66133F-108B-5A1F-CAEB-F482ACEE8640}"/>
              </a:ext>
            </a:extLst>
          </p:cNvPr>
          <p:cNvSpPr>
            <a:spLocks noGrp="1"/>
          </p:cNvSpPr>
          <p:nvPr>
            <p:ph type="title"/>
          </p:nvPr>
        </p:nvSpPr>
        <p:spPr>
          <a:xfrm>
            <a:off x="2211388" y="720000"/>
            <a:ext cx="9261474" cy="561600"/>
          </a:xfrm>
        </p:spPr>
        <p:txBody>
          <a:bodyPr/>
          <a:lstStyle/>
          <a:p>
            <a:r>
              <a:rPr lang="en-US" dirty="0"/>
              <a:t>Exercise</a:t>
            </a:r>
          </a:p>
        </p:txBody>
      </p:sp>
      <p:sp>
        <p:nvSpPr>
          <p:cNvPr id="3" name="Content Placeholder 2">
            <a:extLst>
              <a:ext uri="{FF2B5EF4-FFF2-40B4-BE49-F238E27FC236}">
                <a16:creationId xmlns:a16="http://schemas.microsoft.com/office/drawing/2014/main" id="{BCF32B41-D57B-DD14-8DA5-11AA930A61EC}"/>
              </a:ext>
            </a:extLst>
          </p:cNvPr>
          <p:cNvSpPr>
            <a:spLocks noGrp="1"/>
          </p:cNvSpPr>
          <p:nvPr>
            <p:ph idx="1"/>
          </p:nvPr>
        </p:nvSpPr>
        <p:spPr>
          <a:xfrm>
            <a:off x="2211388" y="2119818"/>
            <a:ext cx="5196000" cy="4017457"/>
          </a:xfrm>
        </p:spPr>
        <p:txBody>
          <a:bodyPr/>
          <a:lstStyle/>
          <a:p>
            <a:r>
              <a:rPr lang="en-US" dirty="0"/>
              <a:t>The strategic plan was built with feedback and guidance from across our organization. Now, all of us will play a critical role to realize our vision for a healthier world. </a:t>
            </a:r>
          </a:p>
          <a:p>
            <a:r>
              <a:rPr lang="en-US" dirty="0"/>
              <a:t>The best way to contribute to the success of the plan is to keep doing what you’ve always done! As a unique and valuable part of the Penn Medicine community, your continued hard work and expertise in your role will move us closer to achieving the goals in our plan.</a:t>
            </a:r>
          </a:p>
          <a:p>
            <a:r>
              <a:rPr lang="en-US" dirty="0"/>
              <a:t>We want you to feel connected to and inspired by our shared objectives and know that your contributions matter. </a:t>
            </a:r>
          </a:p>
        </p:txBody>
      </p:sp>
      <p:sp>
        <p:nvSpPr>
          <p:cNvPr id="4" name="Date Placeholder 3">
            <a:extLst>
              <a:ext uri="{FF2B5EF4-FFF2-40B4-BE49-F238E27FC236}">
                <a16:creationId xmlns:a16="http://schemas.microsoft.com/office/drawing/2014/main" id="{FEFF4CCF-10D9-3699-9E3C-7894DBBFA201}"/>
              </a:ext>
            </a:extLst>
          </p:cNvPr>
          <p:cNvSpPr>
            <a:spLocks noGrp="1"/>
          </p:cNvSpPr>
          <p:nvPr>
            <p:ph type="dt" sz="half" idx="10"/>
          </p:nvPr>
        </p:nvSpPr>
        <p:spPr/>
        <p:txBody>
          <a:bodyPr/>
          <a:lstStyle/>
          <a:p>
            <a:fld id="{4AFF6002-6A83-B44C-A898-CF6815AF6154}" type="datetime4">
              <a:rPr lang="en-US" noProof="0" smtClean="0"/>
              <a:t>September 8, 2023</a:t>
            </a:fld>
            <a:endParaRPr lang="en-US" noProof="0"/>
          </a:p>
        </p:txBody>
      </p:sp>
      <p:sp>
        <p:nvSpPr>
          <p:cNvPr id="5" name="Slide Number Placeholder 4">
            <a:extLst>
              <a:ext uri="{FF2B5EF4-FFF2-40B4-BE49-F238E27FC236}">
                <a16:creationId xmlns:a16="http://schemas.microsoft.com/office/drawing/2014/main" id="{A05333CC-75F1-EEC4-0E6A-B7ABB8CB056B}"/>
              </a:ext>
            </a:extLst>
          </p:cNvPr>
          <p:cNvSpPr>
            <a:spLocks noGrp="1"/>
          </p:cNvSpPr>
          <p:nvPr>
            <p:ph type="sldNum" sz="quarter" idx="11"/>
          </p:nvPr>
        </p:nvSpPr>
        <p:spPr/>
        <p:txBody>
          <a:bodyPr/>
          <a:lstStyle/>
          <a:p>
            <a:fld id="{2DDEA8E7-5F55-4A60-8EF9-470692FC5635}" type="slidenum">
              <a:rPr lang="en-US" noProof="0" smtClean="0"/>
              <a:pPr/>
              <a:t>12</a:t>
            </a:fld>
            <a:endParaRPr lang="en-US" noProof="0"/>
          </a:p>
        </p:txBody>
      </p:sp>
      <p:sp>
        <p:nvSpPr>
          <p:cNvPr id="20" name="Content Placeholder 19">
            <a:extLst>
              <a:ext uri="{FF2B5EF4-FFF2-40B4-BE49-F238E27FC236}">
                <a16:creationId xmlns:a16="http://schemas.microsoft.com/office/drawing/2014/main" id="{F2E2B15C-998A-1767-3527-723037C9BECC}"/>
              </a:ext>
            </a:extLst>
          </p:cNvPr>
          <p:cNvSpPr>
            <a:spLocks noGrp="1"/>
          </p:cNvSpPr>
          <p:nvPr>
            <p:ph idx="12"/>
          </p:nvPr>
        </p:nvSpPr>
        <p:spPr>
          <a:xfrm>
            <a:off x="7887549" y="2119818"/>
            <a:ext cx="3136901" cy="4017457"/>
          </a:xfrm>
        </p:spPr>
        <p:txBody>
          <a:bodyPr/>
          <a:lstStyle/>
          <a:p>
            <a:pPr lvl="5"/>
            <a:r>
              <a:rPr lang="en-US" dirty="0"/>
              <a:t>We invite you to write down your thoughts about how you can help Penn Medicine achieve some of the Strategic Plan goals across the five pillars.</a:t>
            </a:r>
          </a:p>
          <a:p>
            <a:pPr lvl="5"/>
            <a:r>
              <a:rPr lang="en-US" dirty="0"/>
              <a:t>Then, share and discuss your thoughts with your manager and colleagues during your team meetings.</a:t>
            </a:r>
          </a:p>
          <a:p>
            <a:pPr lvl="5"/>
            <a:endParaRPr lang="en-US" dirty="0"/>
          </a:p>
        </p:txBody>
      </p:sp>
      <p:sp>
        <p:nvSpPr>
          <p:cNvPr id="7" name="Text Placeholder 6">
            <a:extLst>
              <a:ext uri="{FF2B5EF4-FFF2-40B4-BE49-F238E27FC236}">
                <a16:creationId xmlns:a16="http://schemas.microsoft.com/office/drawing/2014/main" id="{052EE1ED-8EC7-0381-A657-8AFFE26F8FC5}"/>
              </a:ext>
            </a:extLst>
          </p:cNvPr>
          <p:cNvSpPr>
            <a:spLocks noGrp="1"/>
          </p:cNvSpPr>
          <p:nvPr>
            <p:ph type="body" sz="quarter" idx="13"/>
          </p:nvPr>
        </p:nvSpPr>
        <p:spPr>
          <a:xfrm>
            <a:off x="2210526" y="1279218"/>
            <a:ext cx="9261474" cy="347020"/>
          </a:xfrm>
        </p:spPr>
        <p:txBody>
          <a:bodyPr/>
          <a:lstStyle/>
          <a:p>
            <a:r>
              <a:rPr lang="en-US" sz="1950" spc="150" dirty="0"/>
              <a:t>How can my work contribute to the goals</a:t>
            </a:r>
            <a:br>
              <a:rPr lang="en-US" sz="1950" spc="150" dirty="0"/>
            </a:br>
            <a:r>
              <a:rPr lang="en-US" sz="1950" spc="150" dirty="0"/>
              <a:t>of </a:t>
            </a:r>
            <a:r>
              <a:rPr lang="en-US" sz="1950" spc="150" dirty="0" err="1"/>
              <a:t>penn</a:t>
            </a:r>
            <a:r>
              <a:rPr lang="en-US" sz="1950" spc="150" dirty="0"/>
              <a:t> medicine’s strategic plan?</a:t>
            </a:r>
          </a:p>
        </p:txBody>
      </p:sp>
      <p:pic>
        <p:nvPicPr>
          <p:cNvPr id="22" name="Graphic 21" descr="Scribble with solid fill">
            <a:extLst>
              <a:ext uri="{FF2B5EF4-FFF2-40B4-BE49-F238E27FC236}">
                <a16:creationId xmlns:a16="http://schemas.microsoft.com/office/drawing/2014/main" id="{3934E8D7-BED8-3F4D-5902-A38F73493D72}"/>
              </a:ext>
            </a:extLst>
          </p:cNvPr>
          <p:cNvPicPr>
            <a:picLocks noChangeAspect="1"/>
          </p:cNvPicPr>
          <p:nvPr/>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12788" y="628738"/>
            <a:ext cx="1188886" cy="1188886"/>
          </a:xfrm>
          <a:prstGeom prst="rect">
            <a:avLst/>
          </a:prstGeom>
        </p:spPr>
      </p:pic>
      <p:grpSp>
        <p:nvGrpSpPr>
          <p:cNvPr id="6" name="Group 5">
            <a:extLst>
              <a:ext uri="{FF2B5EF4-FFF2-40B4-BE49-F238E27FC236}">
                <a16:creationId xmlns:a16="http://schemas.microsoft.com/office/drawing/2014/main" id="{F23492F1-7FF3-8BB2-3BE0-0A4DAAFCCF99}"/>
              </a:ext>
            </a:extLst>
          </p:cNvPr>
          <p:cNvGrpSpPr/>
          <p:nvPr/>
        </p:nvGrpSpPr>
        <p:grpSpPr>
          <a:xfrm>
            <a:off x="0" y="4896322"/>
            <a:ext cx="3926064" cy="1975966"/>
            <a:chOff x="0" y="4896322"/>
            <a:chExt cx="3926064" cy="1975966"/>
          </a:xfrm>
        </p:grpSpPr>
        <p:sp>
          <p:nvSpPr>
            <p:cNvPr id="8" name="Rectangle 48">
              <a:extLst>
                <a:ext uri="{FF2B5EF4-FFF2-40B4-BE49-F238E27FC236}">
                  <a16:creationId xmlns:a16="http://schemas.microsoft.com/office/drawing/2014/main" id="{ECC3A403-1505-7DF7-227A-A67E6EC42D86}"/>
                </a:ext>
              </a:extLst>
            </p:cNvPr>
            <p:cNvSpPr/>
            <p:nvPr/>
          </p:nvSpPr>
          <p:spPr>
            <a:xfrm>
              <a:off x="0" y="4896322"/>
              <a:ext cx="3926064" cy="1975966"/>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Lst>
              <a:ahLst/>
              <a:cxnLst>
                <a:cxn ang="0">
                  <a:pos x="connsiteX0" y="connsiteY0"/>
                </a:cxn>
                <a:cxn ang="0">
                  <a:pos x="connsiteX1" y="connsiteY1"/>
                </a:cxn>
                <a:cxn ang="0">
                  <a:pos x="connsiteX2" y="connsiteY2"/>
                </a:cxn>
                <a:cxn ang="0">
                  <a:pos x="connsiteX3" y="connsiteY3"/>
                </a:cxn>
              </a:cxnLst>
              <a:rect l="l" t="t" r="r" b="b"/>
              <a:pathLst>
                <a:path w="4575363" h="2886342">
                  <a:moveTo>
                    <a:pt x="0" y="0"/>
                  </a:moveTo>
                  <a:cubicBezTo>
                    <a:pt x="749422" y="1127588"/>
                    <a:pt x="1251023" y="1711434"/>
                    <a:pt x="4575363" y="2886342"/>
                  </a:cubicBezTo>
                  <a:lnTo>
                    <a:pt x="0" y="2868414"/>
                  </a:lnTo>
                  <a:lnTo>
                    <a:pt x="0" y="0"/>
                  </a:lnTo>
                  <a:close/>
                </a:path>
              </a:pathLst>
            </a:custGeom>
            <a:gradFill flip="none" rotWithShape="1">
              <a:gsLst>
                <a:gs pos="0">
                  <a:schemeClr val="accent5"/>
                </a:gs>
                <a:gs pos="100000">
                  <a:schemeClr val="bg1"/>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9" name="Rectangle 48">
              <a:extLst>
                <a:ext uri="{FF2B5EF4-FFF2-40B4-BE49-F238E27FC236}">
                  <a16:creationId xmlns:a16="http://schemas.microsoft.com/office/drawing/2014/main" id="{7DCA0944-7FD2-9468-65AE-826D4AF585D3}"/>
                </a:ext>
              </a:extLst>
            </p:cNvPr>
            <p:cNvSpPr/>
            <p:nvPr/>
          </p:nvSpPr>
          <p:spPr>
            <a:xfrm>
              <a:off x="0" y="5047641"/>
              <a:ext cx="3202696" cy="1810358"/>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Lst>
              <a:ahLst/>
              <a:cxnLst>
                <a:cxn ang="0">
                  <a:pos x="connsiteX0" y="connsiteY0"/>
                </a:cxn>
                <a:cxn ang="0">
                  <a:pos x="connsiteX1" y="connsiteY1"/>
                </a:cxn>
                <a:cxn ang="0">
                  <a:pos x="connsiteX2" y="connsiteY2"/>
                </a:cxn>
                <a:cxn ang="0">
                  <a:pos x="connsiteX3" y="connsiteY3"/>
                </a:cxn>
              </a:cxnLst>
              <a:rect l="l" t="t" r="r" b="b"/>
              <a:pathLst>
                <a:path w="4048488" h="2868414">
                  <a:moveTo>
                    <a:pt x="0" y="0"/>
                  </a:moveTo>
                  <a:cubicBezTo>
                    <a:pt x="749422" y="1127588"/>
                    <a:pt x="1698866" y="1926564"/>
                    <a:pt x="4048488" y="2868414"/>
                  </a:cubicBezTo>
                  <a:lnTo>
                    <a:pt x="0" y="2868414"/>
                  </a:lnTo>
                  <a:lnTo>
                    <a:pt x="0" y="0"/>
                  </a:lnTo>
                  <a:close/>
                </a:path>
              </a:pathLst>
            </a:custGeom>
            <a:solidFill>
              <a:schemeClr val="accent1"/>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spTree>
    <p:extLst>
      <p:ext uri="{BB962C8B-B14F-4D97-AF65-F5344CB8AC3E}">
        <p14:creationId xmlns:p14="http://schemas.microsoft.com/office/powerpoint/2010/main" val="273078357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0" name="Rectangle 59">
            <a:extLst>
              <a:ext uri="{FF2B5EF4-FFF2-40B4-BE49-F238E27FC236}">
                <a16:creationId xmlns:a16="http://schemas.microsoft.com/office/drawing/2014/main" id="{14675BB9-2B8C-0CFD-3152-B789100B4B03}"/>
              </a:ext>
            </a:extLst>
          </p:cNvPr>
          <p:cNvSpPr/>
          <p:nvPr/>
        </p:nvSpPr>
        <p:spPr>
          <a:xfrm>
            <a:off x="2885129" y="3113880"/>
            <a:ext cx="2093775" cy="3023395"/>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61" name="Rectangle 60">
            <a:extLst>
              <a:ext uri="{FF2B5EF4-FFF2-40B4-BE49-F238E27FC236}">
                <a16:creationId xmlns:a16="http://schemas.microsoft.com/office/drawing/2014/main" id="{D8962A9B-D4B0-7262-934E-DB64E6270D15}"/>
              </a:ext>
            </a:extLst>
          </p:cNvPr>
          <p:cNvSpPr/>
          <p:nvPr/>
        </p:nvSpPr>
        <p:spPr>
          <a:xfrm>
            <a:off x="5061947" y="3113880"/>
            <a:ext cx="2093775" cy="3023395"/>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62" name="Rectangle 61">
            <a:extLst>
              <a:ext uri="{FF2B5EF4-FFF2-40B4-BE49-F238E27FC236}">
                <a16:creationId xmlns:a16="http://schemas.microsoft.com/office/drawing/2014/main" id="{C184B353-5C70-5A01-BE82-8612FF43ECD2}"/>
              </a:ext>
            </a:extLst>
          </p:cNvPr>
          <p:cNvSpPr/>
          <p:nvPr/>
        </p:nvSpPr>
        <p:spPr>
          <a:xfrm>
            <a:off x="7238765" y="3113880"/>
            <a:ext cx="2093775" cy="3023395"/>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63" name="Rectangle 62">
            <a:extLst>
              <a:ext uri="{FF2B5EF4-FFF2-40B4-BE49-F238E27FC236}">
                <a16:creationId xmlns:a16="http://schemas.microsoft.com/office/drawing/2014/main" id="{992F2DC2-F163-3F49-ED1A-117694801D6A}"/>
              </a:ext>
            </a:extLst>
          </p:cNvPr>
          <p:cNvSpPr/>
          <p:nvPr/>
        </p:nvSpPr>
        <p:spPr>
          <a:xfrm>
            <a:off x="9415582" y="3113880"/>
            <a:ext cx="2093775" cy="3023395"/>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64" name="Rectangle 63">
            <a:extLst>
              <a:ext uri="{FF2B5EF4-FFF2-40B4-BE49-F238E27FC236}">
                <a16:creationId xmlns:a16="http://schemas.microsoft.com/office/drawing/2014/main" id="{F6F33A51-1D22-BB0D-8B2B-2C7010CB8B8E}"/>
              </a:ext>
            </a:extLst>
          </p:cNvPr>
          <p:cNvSpPr/>
          <p:nvPr/>
        </p:nvSpPr>
        <p:spPr>
          <a:xfrm>
            <a:off x="708311" y="3113880"/>
            <a:ext cx="2093775" cy="3023395"/>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2" name="Title 1">
            <a:extLst>
              <a:ext uri="{FF2B5EF4-FFF2-40B4-BE49-F238E27FC236}">
                <a16:creationId xmlns:a16="http://schemas.microsoft.com/office/drawing/2014/main" id="{DC66133F-108B-5A1F-CAEB-F482ACEE8640}"/>
              </a:ext>
            </a:extLst>
          </p:cNvPr>
          <p:cNvSpPr>
            <a:spLocks noGrp="1"/>
          </p:cNvSpPr>
          <p:nvPr>
            <p:ph type="title"/>
          </p:nvPr>
        </p:nvSpPr>
        <p:spPr>
          <a:xfrm>
            <a:off x="2211388" y="720000"/>
            <a:ext cx="9261474" cy="561600"/>
          </a:xfrm>
        </p:spPr>
        <p:txBody>
          <a:bodyPr/>
          <a:lstStyle/>
          <a:p>
            <a:r>
              <a:rPr lang="en-US" dirty="0"/>
              <a:t>Exercise</a:t>
            </a:r>
          </a:p>
        </p:txBody>
      </p:sp>
      <p:sp>
        <p:nvSpPr>
          <p:cNvPr id="4" name="Date Placeholder 3">
            <a:extLst>
              <a:ext uri="{FF2B5EF4-FFF2-40B4-BE49-F238E27FC236}">
                <a16:creationId xmlns:a16="http://schemas.microsoft.com/office/drawing/2014/main" id="{FEFF4CCF-10D9-3699-9E3C-7894DBBFA201}"/>
              </a:ext>
            </a:extLst>
          </p:cNvPr>
          <p:cNvSpPr>
            <a:spLocks noGrp="1"/>
          </p:cNvSpPr>
          <p:nvPr>
            <p:ph type="dt" sz="half" idx="10"/>
          </p:nvPr>
        </p:nvSpPr>
        <p:spPr/>
        <p:txBody>
          <a:bodyPr/>
          <a:lstStyle/>
          <a:p>
            <a:fld id="{4AFF6002-6A83-B44C-A898-CF6815AF6154}" type="datetime4">
              <a:rPr lang="en-US" noProof="0" smtClean="0"/>
              <a:t>September 8, 2023</a:t>
            </a:fld>
            <a:endParaRPr lang="en-US" noProof="0" dirty="0"/>
          </a:p>
        </p:txBody>
      </p:sp>
      <p:sp>
        <p:nvSpPr>
          <p:cNvPr id="5" name="Slide Number Placeholder 4">
            <a:extLst>
              <a:ext uri="{FF2B5EF4-FFF2-40B4-BE49-F238E27FC236}">
                <a16:creationId xmlns:a16="http://schemas.microsoft.com/office/drawing/2014/main" id="{A05333CC-75F1-EEC4-0E6A-B7ABB8CB056B}"/>
              </a:ext>
            </a:extLst>
          </p:cNvPr>
          <p:cNvSpPr>
            <a:spLocks noGrp="1"/>
          </p:cNvSpPr>
          <p:nvPr>
            <p:ph type="sldNum" sz="quarter" idx="11"/>
          </p:nvPr>
        </p:nvSpPr>
        <p:spPr/>
        <p:txBody>
          <a:bodyPr/>
          <a:lstStyle/>
          <a:p>
            <a:fld id="{2DDEA8E7-5F55-4A60-8EF9-470692FC5635}" type="slidenum">
              <a:rPr lang="en-US" noProof="0" smtClean="0"/>
              <a:pPr/>
              <a:t>13</a:t>
            </a:fld>
            <a:endParaRPr lang="en-US" noProof="0"/>
          </a:p>
        </p:txBody>
      </p:sp>
      <p:pic>
        <p:nvPicPr>
          <p:cNvPr id="22" name="Graphic 21" descr="Scribble with solid fill">
            <a:extLst>
              <a:ext uri="{FF2B5EF4-FFF2-40B4-BE49-F238E27FC236}">
                <a16:creationId xmlns:a16="http://schemas.microsoft.com/office/drawing/2014/main" id="{3934E8D7-BED8-3F4D-5902-A38F73493D72}"/>
              </a:ext>
            </a:extLst>
          </p:cNvPr>
          <p:cNvPicPr>
            <a:picLocks noChangeAspect="1"/>
          </p:cNvPicPr>
          <p:nvPr/>
        </p:nvPicPr>
        <p:blipFill>
          <a:blip r:embed="rId2">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712788" y="628738"/>
            <a:ext cx="1188886" cy="1188886"/>
          </a:xfrm>
          <a:prstGeom prst="rect">
            <a:avLst/>
          </a:prstGeom>
        </p:spPr>
      </p:pic>
      <p:sp>
        <p:nvSpPr>
          <p:cNvPr id="28" name="Rectangle 27">
            <a:extLst>
              <a:ext uri="{FF2B5EF4-FFF2-40B4-BE49-F238E27FC236}">
                <a16:creationId xmlns:a16="http://schemas.microsoft.com/office/drawing/2014/main" id="{A851E054-1A9A-D1F2-B51A-B9FC5DA3E98B}"/>
              </a:ext>
            </a:extLst>
          </p:cNvPr>
          <p:cNvSpPr/>
          <p:nvPr/>
        </p:nvSpPr>
        <p:spPr bwMode="auto">
          <a:xfrm>
            <a:off x="727265" y="3113880"/>
            <a:ext cx="1995027" cy="56919"/>
          </a:xfrm>
          <a:prstGeom prst="rect">
            <a:avLst/>
          </a:prstGeom>
          <a:solidFill>
            <a:srgbClr val="A42036"/>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29" name="Rectangle 28">
            <a:extLst>
              <a:ext uri="{FF2B5EF4-FFF2-40B4-BE49-F238E27FC236}">
                <a16:creationId xmlns:a16="http://schemas.microsoft.com/office/drawing/2014/main" id="{8276E8A0-9373-E0EF-E756-F40ADBA89286}"/>
              </a:ext>
            </a:extLst>
          </p:cNvPr>
          <p:cNvSpPr/>
          <p:nvPr/>
        </p:nvSpPr>
        <p:spPr bwMode="auto">
          <a:xfrm>
            <a:off x="2922242" y="3113880"/>
            <a:ext cx="1995027" cy="56919"/>
          </a:xfrm>
          <a:prstGeom prst="rect">
            <a:avLst/>
          </a:prstGeom>
          <a:solidFill>
            <a:srgbClr val="2B823F"/>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30" name="Rectangle 29">
            <a:extLst>
              <a:ext uri="{FF2B5EF4-FFF2-40B4-BE49-F238E27FC236}">
                <a16:creationId xmlns:a16="http://schemas.microsoft.com/office/drawing/2014/main" id="{7C883621-E70B-49D6-EFD6-77B9B2EBD9C0}"/>
              </a:ext>
            </a:extLst>
          </p:cNvPr>
          <p:cNvSpPr/>
          <p:nvPr/>
        </p:nvSpPr>
        <p:spPr bwMode="auto">
          <a:xfrm>
            <a:off x="5108474" y="3113880"/>
            <a:ext cx="1995027" cy="56919"/>
          </a:xfrm>
          <a:prstGeom prst="rect">
            <a:avLst/>
          </a:prstGeom>
          <a:solidFill>
            <a:srgbClr val="C6583F"/>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31" name="Rectangle 30">
            <a:extLst>
              <a:ext uri="{FF2B5EF4-FFF2-40B4-BE49-F238E27FC236}">
                <a16:creationId xmlns:a16="http://schemas.microsoft.com/office/drawing/2014/main" id="{C0534588-CDCC-3118-D5C3-3DD10B75F491}"/>
              </a:ext>
            </a:extLst>
          </p:cNvPr>
          <p:cNvSpPr/>
          <p:nvPr/>
        </p:nvSpPr>
        <p:spPr bwMode="auto">
          <a:xfrm>
            <a:off x="7312200" y="3113880"/>
            <a:ext cx="1995027" cy="56919"/>
          </a:xfrm>
          <a:prstGeom prst="rect">
            <a:avLst/>
          </a:prstGeom>
          <a:solidFill>
            <a:srgbClr val="EE9E4B"/>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32" name="Rectangle 31">
            <a:extLst>
              <a:ext uri="{FF2B5EF4-FFF2-40B4-BE49-F238E27FC236}">
                <a16:creationId xmlns:a16="http://schemas.microsoft.com/office/drawing/2014/main" id="{E04FCF2D-1C7F-D2A1-B61F-05A1B54D1F0D}"/>
              </a:ext>
            </a:extLst>
          </p:cNvPr>
          <p:cNvSpPr/>
          <p:nvPr/>
        </p:nvSpPr>
        <p:spPr bwMode="auto">
          <a:xfrm>
            <a:off x="9476248" y="3113880"/>
            <a:ext cx="1995027" cy="56919"/>
          </a:xfrm>
          <a:prstGeom prst="rect">
            <a:avLst/>
          </a:prstGeom>
          <a:solidFill>
            <a:srgbClr val="498DC1"/>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41" name="Text Placeholder 5">
            <a:extLst>
              <a:ext uri="{FF2B5EF4-FFF2-40B4-BE49-F238E27FC236}">
                <a16:creationId xmlns:a16="http://schemas.microsoft.com/office/drawing/2014/main" id="{A183B647-E8BA-C6CB-67F8-E96FF7E8FE20}"/>
              </a:ext>
            </a:extLst>
          </p:cNvPr>
          <p:cNvSpPr txBox="1">
            <a:spLocks/>
          </p:cNvSpPr>
          <p:nvPr/>
        </p:nvSpPr>
        <p:spPr>
          <a:xfrm>
            <a:off x="719999" y="3296980"/>
            <a:ext cx="2002293" cy="2606465"/>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marL="274320" lvl="1" indent="-228600">
              <a:buSzPct val="150000"/>
              <a:buBlip>
                <a:blip r:embed="rId4">
                  <a:extLst>
                    <a:ext uri="{96DAC541-7B7A-43D3-8B79-37D633B846F1}">
                      <asvg:svgBlip xmlns:asvg="http://schemas.microsoft.com/office/drawing/2016/SVG/main" r:embed="rId5"/>
                    </a:ext>
                  </a:extLst>
                </a:blip>
              </a:buBlip>
            </a:pPr>
            <a:r>
              <a:rPr lang="en-US" dirty="0"/>
              <a:t>Add notes here</a:t>
            </a:r>
          </a:p>
        </p:txBody>
      </p:sp>
      <p:sp>
        <p:nvSpPr>
          <p:cNvPr id="42" name="Text Placeholder 5">
            <a:extLst>
              <a:ext uri="{FF2B5EF4-FFF2-40B4-BE49-F238E27FC236}">
                <a16:creationId xmlns:a16="http://schemas.microsoft.com/office/drawing/2014/main" id="{2AC9DBD5-2831-79BF-9590-5AF2C58ABA70}"/>
              </a:ext>
            </a:extLst>
          </p:cNvPr>
          <p:cNvSpPr txBox="1">
            <a:spLocks/>
          </p:cNvSpPr>
          <p:nvPr/>
        </p:nvSpPr>
        <p:spPr>
          <a:xfrm>
            <a:off x="719999" y="2320381"/>
            <a:ext cx="1990697" cy="667318"/>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sz="1400" dirty="0">
                <a:solidFill>
                  <a:schemeClr val="accent1"/>
                </a:solidFill>
                <a:latin typeface="+mj-lt"/>
              </a:rPr>
              <a:t>Lead with Humanity in Everything We Do</a:t>
            </a:r>
          </a:p>
        </p:txBody>
      </p:sp>
      <p:sp>
        <p:nvSpPr>
          <p:cNvPr id="44" name="Text Placeholder 5">
            <a:extLst>
              <a:ext uri="{FF2B5EF4-FFF2-40B4-BE49-F238E27FC236}">
                <a16:creationId xmlns:a16="http://schemas.microsoft.com/office/drawing/2014/main" id="{ECABE4E7-E526-D744-4A11-94DE71ED2582}"/>
              </a:ext>
            </a:extLst>
          </p:cNvPr>
          <p:cNvSpPr txBox="1">
            <a:spLocks/>
          </p:cNvSpPr>
          <p:nvPr/>
        </p:nvSpPr>
        <p:spPr>
          <a:xfrm>
            <a:off x="2922242" y="2320381"/>
            <a:ext cx="1995027" cy="667318"/>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sz="1400" dirty="0">
                <a:solidFill>
                  <a:schemeClr val="accent1"/>
                </a:solidFill>
                <a:latin typeface="+mj-lt"/>
              </a:rPr>
              <a:t>Make Breathtaking Discoveries and Put Them to Work</a:t>
            </a:r>
          </a:p>
        </p:txBody>
      </p:sp>
      <p:sp>
        <p:nvSpPr>
          <p:cNvPr id="46" name="Text Placeholder 5">
            <a:extLst>
              <a:ext uri="{FF2B5EF4-FFF2-40B4-BE49-F238E27FC236}">
                <a16:creationId xmlns:a16="http://schemas.microsoft.com/office/drawing/2014/main" id="{6B5F8637-176A-D8D2-9642-85C40431661A}"/>
              </a:ext>
            </a:extLst>
          </p:cNvPr>
          <p:cNvSpPr txBox="1">
            <a:spLocks/>
          </p:cNvSpPr>
          <p:nvPr/>
        </p:nvSpPr>
        <p:spPr>
          <a:xfrm>
            <a:off x="5105629" y="2320381"/>
            <a:ext cx="1995026" cy="667318"/>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sz="1400" dirty="0">
                <a:solidFill>
                  <a:schemeClr val="accent1"/>
                </a:solidFill>
                <a:latin typeface="+mj-lt"/>
              </a:rPr>
              <a:t>Simplify Care Delivery and Place It Within Reach</a:t>
            </a:r>
          </a:p>
        </p:txBody>
      </p:sp>
      <p:sp>
        <p:nvSpPr>
          <p:cNvPr id="48" name="Text Placeholder 5">
            <a:extLst>
              <a:ext uri="{FF2B5EF4-FFF2-40B4-BE49-F238E27FC236}">
                <a16:creationId xmlns:a16="http://schemas.microsoft.com/office/drawing/2014/main" id="{91C7AE67-111F-D286-26D1-801FC6E4A531}"/>
              </a:ext>
            </a:extLst>
          </p:cNvPr>
          <p:cNvSpPr txBox="1">
            <a:spLocks/>
          </p:cNvSpPr>
          <p:nvPr/>
        </p:nvSpPr>
        <p:spPr>
          <a:xfrm>
            <a:off x="7312200" y="2320381"/>
            <a:ext cx="1995027" cy="667318"/>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sz="1400" dirty="0">
                <a:solidFill>
                  <a:schemeClr val="accent1"/>
                </a:solidFill>
                <a:latin typeface="+mj-lt"/>
              </a:rPr>
              <a:t>Develop People</a:t>
            </a:r>
            <a:br>
              <a:rPr lang="en-US" sz="1400" dirty="0">
                <a:solidFill>
                  <a:schemeClr val="accent1"/>
                </a:solidFill>
                <a:latin typeface="+mj-lt"/>
              </a:rPr>
            </a:br>
            <a:r>
              <a:rPr lang="en-US" sz="1400" dirty="0">
                <a:solidFill>
                  <a:schemeClr val="accent1"/>
                </a:solidFill>
                <a:latin typeface="+mj-lt"/>
              </a:rPr>
              <a:t>for Great Accomplishment</a:t>
            </a:r>
          </a:p>
        </p:txBody>
      </p:sp>
      <p:sp>
        <p:nvSpPr>
          <p:cNvPr id="50" name="Text Placeholder 5">
            <a:extLst>
              <a:ext uri="{FF2B5EF4-FFF2-40B4-BE49-F238E27FC236}">
                <a16:creationId xmlns:a16="http://schemas.microsoft.com/office/drawing/2014/main" id="{EC22AC81-893B-E23D-5CAB-A8A0BE5FDF79}"/>
              </a:ext>
            </a:extLst>
          </p:cNvPr>
          <p:cNvSpPr txBox="1">
            <a:spLocks/>
          </p:cNvSpPr>
          <p:nvPr/>
        </p:nvSpPr>
        <p:spPr>
          <a:xfrm>
            <a:off x="9473075" y="2320381"/>
            <a:ext cx="2350625" cy="667318"/>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sz="1400" dirty="0">
                <a:solidFill>
                  <a:schemeClr val="accent1"/>
                </a:solidFill>
                <a:latin typeface="+mj-lt"/>
              </a:rPr>
              <a:t>Uplift Our Community, Our Environment, and Ourselves</a:t>
            </a:r>
          </a:p>
        </p:txBody>
      </p:sp>
      <p:sp>
        <p:nvSpPr>
          <p:cNvPr id="55" name="Text Placeholder 5">
            <a:extLst>
              <a:ext uri="{FF2B5EF4-FFF2-40B4-BE49-F238E27FC236}">
                <a16:creationId xmlns:a16="http://schemas.microsoft.com/office/drawing/2014/main" id="{BCA172DC-9F95-5482-7649-BD92D3A20963}"/>
              </a:ext>
            </a:extLst>
          </p:cNvPr>
          <p:cNvSpPr txBox="1">
            <a:spLocks/>
          </p:cNvSpPr>
          <p:nvPr/>
        </p:nvSpPr>
        <p:spPr>
          <a:xfrm>
            <a:off x="2910508" y="3296980"/>
            <a:ext cx="2002293" cy="2606465"/>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marL="331470" lvl="1" indent="-285750">
              <a:buSzPct val="150000"/>
              <a:buBlip>
                <a:blip r:embed="rId6">
                  <a:extLst>
                    <a:ext uri="{96DAC541-7B7A-43D3-8B79-37D633B846F1}">
                      <asvg:svgBlip xmlns:asvg="http://schemas.microsoft.com/office/drawing/2016/SVG/main" r:embed="rId7"/>
                    </a:ext>
                  </a:extLst>
                </a:blip>
              </a:buBlip>
            </a:pPr>
            <a:r>
              <a:rPr lang="en-US" dirty="0"/>
              <a:t>Add notes here</a:t>
            </a:r>
          </a:p>
        </p:txBody>
      </p:sp>
      <p:sp>
        <p:nvSpPr>
          <p:cNvPr id="56" name="Text Placeholder 5">
            <a:extLst>
              <a:ext uri="{FF2B5EF4-FFF2-40B4-BE49-F238E27FC236}">
                <a16:creationId xmlns:a16="http://schemas.microsoft.com/office/drawing/2014/main" id="{423429ED-42AF-056A-75C7-164C878BD524}"/>
              </a:ext>
            </a:extLst>
          </p:cNvPr>
          <p:cNvSpPr txBox="1">
            <a:spLocks/>
          </p:cNvSpPr>
          <p:nvPr/>
        </p:nvSpPr>
        <p:spPr>
          <a:xfrm>
            <a:off x="5101017" y="3296980"/>
            <a:ext cx="2002293" cy="2606465"/>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marL="331470" lvl="1" indent="-285750">
              <a:buSzPct val="150000"/>
              <a:buBlip>
                <a:blip r:embed="rId8">
                  <a:extLst>
                    <a:ext uri="{96DAC541-7B7A-43D3-8B79-37D633B846F1}">
                      <asvg:svgBlip xmlns:asvg="http://schemas.microsoft.com/office/drawing/2016/SVG/main" r:embed="rId9"/>
                    </a:ext>
                  </a:extLst>
                </a:blip>
              </a:buBlip>
            </a:pPr>
            <a:r>
              <a:rPr lang="en-US" dirty="0"/>
              <a:t>Add notes here</a:t>
            </a:r>
          </a:p>
        </p:txBody>
      </p:sp>
      <p:sp>
        <p:nvSpPr>
          <p:cNvPr id="57" name="Text Placeholder 5">
            <a:extLst>
              <a:ext uri="{FF2B5EF4-FFF2-40B4-BE49-F238E27FC236}">
                <a16:creationId xmlns:a16="http://schemas.microsoft.com/office/drawing/2014/main" id="{63378464-5494-F7A9-6B05-6343693B3372}"/>
              </a:ext>
            </a:extLst>
          </p:cNvPr>
          <p:cNvSpPr txBox="1">
            <a:spLocks/>
          </p:cNvSpPr>
          <p:nvPr/>
        </p:nvSpPr>
        <p:spPr>
          <a:xfrm>
            <a:off x="7291526" y="3296980"/>
            <a:ext cx="2002293" cy="2606465"/>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marL="331470" lvl="1" indent="-285750">
              <a:buSzPct val="150000"/>
              <a:buBlip>
                <a:blip r:embed="rId10">
                  <a:extLst>
                    <a:ext uri="{96DAC541-7B7A-43D3-8B79-37D633B846F1}">
                      <asvg:svgBlip xmlns:asvg="http://schemas.microsoft.com/office/drawing/2016/SVG/main" r:embed="rId11"/>
                    </a:ext>
                  </a:extLst>
                </a:blip>
              </a:buBlip>
            </a:pPr>
            <a:r>
              <a:rPr lang="en-US" dirty="0"/>
              <a:t>Add notes here</a:t>
            </a:r>
          </a:p>
        </p:txBody>
      </p:sp>
      <p:sp>
        <p:nvSpPr>
          <p:cNvPr id="58" name="Text Placeholder 5">
            <a:extLst>
              <a:ext uri="{FF2B5EF4-FFF2-40B4-BE49-F238E27FC236}">
                <a16:creationId xmlns:a16="http://schemas.microsoft.com/office/drawing/2014/main" id="{4646547B-00F9-9DF0-B6C7-9BE7F462363A}"/>
              </a:ext>
            </a:extLst>
          </p:cNvPr>
          <p:cNvSpPr txBox="1">
            <a:spLocks/>
          </p:cNvSpPr>
          <p:nvPr/>
        </p:nvSpPr>
        <p:spPr>
          <a:xfrm>
            <a:off x="9482034" y="3296980"/>
            <a:ext cx="2002293" cy="2606465"/>
          </a:xfrm>
          <a:prstGeom prst="rect">
            <a:avLst/>
          </a:prstGeom>
        </p:spPr>
        <p:txBody>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marL="331470" lvl="1" indent="-285750">
              <a:buSzPct val="150000"/>
              <a:buBlip>
                <a:blip r:embed="rId12">
                  <a:extLst>
                    <a:ext uri="{96DAC541-7B7A-43D3-8B79-37D633B846F1}">
                      <asvg:svgBlip xmlns:asvg="http://schemas.microsoft.com/office/drawing/2016/SVG/main" r:embed="rId13"/>
                    </a:ext>
                  </a:extLst>
                </a:blip>
              </a:buBlip>
            </a:pPr>
            <a:r>
              <a:rPr lang="en-US" dirty="0"/>
              <a:t>Add notes here</a:t>
            </a:r>
          </a:p>
        </p:txBody>
      </p:sp>
      <p:grpSp>
        <p:nvGrpSpPr>
          <p:cNvPr id="65" name="Group 64">
            <a:extLst>
              <a:ext uri="{FF2B5EF4-FFF2-40B4-BE49-F238E27FC236}">
                <a16:creationId xmlns:a16="http://schemas.microsoft.com/office/drawing/2014/main" id="{D1550310-8901-11CF-7D3C-43625D64B1D0}"/>
              </a:ext>
            </a:extLst>
          </p:cNvPr>
          <p:cNvGrpSpPr/>
          <p:nvPr/>
        </p:nvGrpSpPr>
        <p:grpSpPr>
          <a:xfrm rot="5044496" flipH="1">
            <a:off x="6979415" y="-2535267"/>
            <a:ext cx="7132695" cy="7628971"/>
            <a:chOff x="3998339" y="-1284257"/>
            <a:chExt cx="6499168" cy="6951365"/>
          </a:xfrm>
        </p:grpSpPr>
        <p:grpSp>
          <p:nvGrpSpPr>
            <p:cNvPr id="66" name="Graphic 15">
              <a:extLst>
                <a:ext uri="{FF2B5EF4-FFF2-40B4-BE49-F238E27FC236}">
                  <a16:creationId xmlns:a16="http://schemas.microsoft.com/office/drawing/2014/main" id="{8D8F893B-C5CF-B277-D3F6-3C2D4AECEC1F}"/>
                </a:ext>
              </a:extLst>
            </p:cNvPr>
            <p:cNvGrpSpPr/>
            <p:nvPr/>
          </p:nvGrpSpPr>
          <p:grpSpPr>
            <a:xfrm>
              <a:off x="3998339" y="-1284257"/>
              <a:ext cx="6499168" cy="6951365"/>
              <a:chOff x="3998339" y="-1284257"/>
              <a:chExt cx="6499168" cy="6951365"/>
            </a:xfrm>
          </p:grpSpPr>
          <p:sp>
            <p:nvSpPr>
              <p:cNvPr id="69" name="Freeform 68">
                <a:extLst>
                  <a:ext uri="{FF2B5EF4-FFF2-40B4-BE49-F238E27FC236}">
                    <a16:creationId xmlns:a16="http://schemas.microsoft.com/office/drawing/2014/main" id="{744DF81B-05F4-362D-20EB-7782311025AB}"/>
                  </a:ext>
                </a:extLst>
              </p:cNvPr>
              <p:cNvSpPr/>
              <p:nvPr/>
            </p:nvSpPr>
            <p:spPr>
              <a:xfrm>
                <a:off x="3998339" y="-1284257"/>
                <a:ext cx="5164217" cy="5155806"/>
              </a:xfrm>
              <a:custGeom>
                <a:avLst/>
                <a:gdLst>
                  <a:gd name="connsiteX0" fmla="*/ 5164218 w 5164217"/>
                  <a:gd name="connsiteY0" fmla="*/ 96 h 5155806"/>
                  <a:gd name="connsiteX1" fmla="*/ 83040 w 5164217"/>
                  <a:gd name="connsiteY1" fmla="*/ 5155807 h 5155806"/>
                  <a:gd name="connsiteX2" fmla="*/ 94980 w 5164217"/>
                  <a:gd name="connsiteY2" fmla="*/ 5103249 h 5155806"/>
                  <a:gd name="connsiteX3" fmla="*/ 4921802 w 5164217"/>
                  <a:gd name="connsiteY3" fmla="*/ 342778 h 5155806"/>
                  <a:gd name="connsiteX4" fmla="*/ 5164218 w 5164217"/>
                  <a:gd name="connsiteY4" fmla="*/ 0 h 5155806"/>
                  <a:gd name="connsiteX5" fmla="*/ 5164218 w 5164217"/>
                  <a:gd name="connsiteY5" fmla="*/ 0 h 51558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64217" h="5155806">
                    <a:moveTo>
                      <a:pt x="5164218" y="96"/>
                    </a:moveTo>
                    <a:cubicBezTo>
                      <a:pt x="4909577" y="2855174"/>
                      <a:pt x="2994608" y="4946337"/>
                      <a:pt x="83040" y="5155807"/>
                    </a:cubicBezTo>
                    <a:cubicBezTo>
                      <a:pt x="83040" y="5155807"/>
                      <a:pt x="-111522" y="5114429"/>
                      <a:pt x="94980" y="5103249"/>
                    </a:cubicBezTo>
                    <a:cubicBezTo>
                      <a:pt x="1764955" y="5013421"/>
                      <a:pt x="4667734" y="3821297"/>
                      <a:pt x="4921802" y="342778"/>
                    </a:cubicBezTo>
                    <a:cubicBezTo>
                      <a:pt x="4921802" y="342778"/>
                      <a:pt x="5164218" y="0"/>
                      <a:pt x="5164218" y="0"/>
                    </a:cubicBezTo>
                    <a:lnTo>
                      <a:pt x="5164218" y="0"/>
                    </a:lnTo>
                    <a:close/>
                  </a:path>
                </a:pathLst>
              </a:custGeom>
              <a:gradFill>
                <a:gsLst>
                  <a:gs pos="20000">
                    <a:schemeClr val="accent5"/>
                  </a:gs>
                  <a:gs pos="67000">
                    <a:schemeClr val="bg1"/>
                  </a:gs>
                </a:gsLst>
                <a:lin ang="8100000" scaled="1"/>
              </a:gradFill>
              <a:ln w="9546" cap="flat">
                <a:noFill/>
                <a:prstDash val="solid"/>
                <a:miter/>
              </a:ln>
            </p:spPr>
            <p:txBody>
              <a:bodyPr rtlCol="0" anchor="ctr"/>
              <a:lstStyle/>
              <a:p>
                <a:endParaRPr lang="en-US" dirty="0"/>
              </a:p>
            </p:txBody>
          </p:sp>
          <p:sp>
            <p:nvSpPr>
              <p:cNvPr id="70" name="Freeform 69">
                <a:extLst>
                  <a:ext uri="{FF2B5EF4-FFF2-40B4-BE49-F238E27FC236}">
                    <a16:creationId xmlns:a16="http://schemas.microsoft.com/office/drawing/2014/main" id="{B16C24A3-5BD6-F16E-F47F-3737F64EA884}"/>
                  </a:ext>
                </a:extLst>
              </p:cNvPr>
              <p:cNvSpPr/>
              <p:nvPr/>
            </p:nvSpPr>
            <p:spPr>
              <a:xfrm>
                <a:off x="7276453" y="-986584"/>
                <a:ext cx="3221054" cy="6653692"/>
              </a:xfrm>
              <a:custGeom>
                <a:avLst/>
                <a:gdLst>
                  <a:gd name="connsiteX0" fmla="*/ 263409 w 3221054"/>
                  <a:gd name="connsiteY0" fmla="*/ 0 h 6653692"/>
                  <a:gd name="connsiteX1" fmla="*/ 3131421 w 3221054"/>
                  <a:gd name="connsiteY1" fmla="*/ 6647803 h 6653692"/>
                  <a:gd name="connsiteX2" fmla="*/ 3139348 w 3221054"/>
                  <a:gd name="connsiteY2" fmla="*/ 6594575 h 6653692"/>
                  <a:gd name="connsiteX3" fmla="*/ 365323 w 3221054"/>
                  <a:gd name="connsiteY3" fmla="*/ 407472 h 6653692"/>
                  <a:gd name="connsiteX4" fmla="*/ 263504 w 3221054"/>
                  <a:gd name="connsiteY4" fmla="*/ 96 h 6653692"/>
                  <a:gd name="connsiteX5" fmla="*/ 263504 w 3221054"/>
                  <a:gd name="connsiteY5" fmla="*/ 96 h 665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221054" h="6653692">
                    <a:moveTo>
                      <a:pt x="263409" y="0"/>
                    </a:moveTo>
                    <a:cubicBezTo>
                      <a:pt x="-533564" y="2753402"/>
                      <a:pt x="493694" y="5396717"/>
                      <a:pt x="3131421" y="6647803"/>
                    </a:cubicBezTo>
                    <a:cubicBezTo>
                      <a:pt x="3131421" y="6647803"/>
                      <a:pt x="3327704" y="6679815"/>
                      <a:pt x="3139348" y="6594575"/>
                    </a:cubicBezTo>
                    <a:cubicBezTo>
                      <a:pt x="1615511" y="5905293"/>
                      <a:pt x="-658019" y="3741599"/>
                      <a:pt x="365323" y="407472"/>
                    </a:cubicBezTo>
                    <a:cubicBezTo>
                      <a:pt x="365323" y="407472"/>
                      <a:pt x="263504" y="96"/>
                      <a:pt x="263504" y="96"/>
                    </a:cubicBezTo>
                    <a:lnTo>
                      <a:pt x="263504" y="96"/>
                    </a:lnTo>
                    <a:close/>
                  </a:path>
                </a:pathLst>
              </a:custGeom>
              <a:gradFill flip="none" rotWithShape="1">
                <a:gsLst>
                  <a:gs pos="22000">
                    <a:schemeClr val="accent1"/>
                  </a:gs>
                  <a:gs pos="81000">
                    <a:schemeClr val="bg1">
                      <a:alpha val="0"/>
                    </a:schemeClr>
                  </a:gs>
                </a:gsLst>
                <a:lin ang="0" scaled="1"/>
                <a:tileRect/>
              </a:gradFill>
              <a:ln w="9546" cap="flat">
                <a:noFill/>
                <a:prstDash val="solid"/>
                <a:miter/>
              </a:ln>
            </p:spPr>
            <p:txBody>
              <a:bodyPr rtlCol="0" anchor="ctr"/>
              <a:lstStyle/>
              <a:p>
                <a:endParaRPr lang="en-US" dirty="0"/>
              </a:p>
            </p:txBody>
          </p:sp>
        </p:grpSp>
        <p:sp>
          <p:nvSpPr>
            <p:cNvPr id="67" name="Freeform 66">
              <a:extLst>
                <a:ext uri="{FF2B5EF4-FFF2-40B4-BE49-F238E27FC236}">
                  <a16:creationId xmlns:a16="http://schemas.microsoft.com/office/drawing/2014/main" id="{D31E792F-EF49-B176-B606-7F29E1AFDC87}"/>
                </a:ext>
              </a:extLst>
            </p:cNvPr>
            <p:cNvSpPr/>
            <p:nvPr/>
          </p:nvSpPr>
          <p:spPr>
            <a:xfrm>
              <a:off x="6751963" y="1295259"/>
              <a:ext cx="520936" cy="385983"/>
            </a:xfrm>
            <a:custGeom>
              <a:avLst/>
              <a:gdLst>
                <a:gd name="connsiteX0" fmla="*/ 520936 w 520936"/>
                <a:gd name="connsiteY0" fmla="*/ 380965 h 385983"/>
                <a:gd name="connsiteX1" fmla="*/ 0 w 520936"/>
                <a:gd name="connsiteY1" fmla="*/ 4359 h 385983"/>
                <a:gd name="connsiteX2" fmla="*/ 520936 w 520936"/>
                <a:gd name="connsiteY2" fmla="*/ 380965 h 385983"/>
                <a:gd name="connsiteX3" fmla="*/ 520936 w 520936"/>
                <a:gd name="connsiteY3" fmla="*/ 380965 h 385983"/>
              </a:gdLst>
              <a:ahLst/>
              <a:cxnLst>
                <a:cxn ang="0">
                  <a:pos x="connsiteX0" y="connsiteY0"/>
                </a:cxn>
                <a:cxn ang="0">
                  <a:pos x="connsiteX1" y="connsiteY1"/>
                </a:cxn>
                <a:cxn ang="0">
                  <a:pos x="connsiteX2" y="connsiteY2"/>
                </a:cxn>
                <a:cxn ang="0">
                  <a:pos x="connsiteX3" y="connsiteY3"/>
                </a:cxn>
              </a:cxnLst>
              <a:rect l="l" t="t" r="r" b="b"/>
              <a:pathLst>
                <a:path w="520936" h="385983">
                  <a:moveTo>
                    <a:pt x="520936" y="380965"/>
                  </a:moveTo>
                  <a:cubicBezTo>
                    <a:pt x="520936" y="380965"/>
                    <a:pt x="443187" y="-47531"/>
                    <a:pt x="0" y="4359"/>
                  </a:cubicBezTo>
                  <a:cubicBezTo>
                    <a:pt x="0" y="4359"/>
                    <a:pt x="74119" y="437060"/>
                    <a:pt x="520936" y="380965"/>
                  </a:cubicBezTo>
                  <a:lnTo>
                    <a:pt x="520936" y="380965"/>
                  </a:lnTo>
                  <a:close/>
                </a:path>
              </a:pathLst>
            </a:custGeom>
            <a:solidFill>
              <a:schemeClr val="accent5"/>
            </a:solidFill>
            <a:ln w="9546" cap="flat">
              <a:noFill/>
              <a:prstDash val="solid"/>
              <a:miter/>
            </a:ln>
          </p:spPr>
          <p:txBody>
            <a:bodyPr rtlCol="0" anchor="ctr"/>
            <a:lstStyle/>
            <a:p>
              <a:endParaRPr lang="en-US"/>
            </a:p>
          </p:txBody>
        </p:sp>
        <p:sp>
          <p:nvSpPr>
            <p:cNvPr id="68" name="Freeform 67">
              <a:extLst>
                <a:ext uri="{FF2B5EF4-FFF2-40B4-BE49-F238E27FC236}">
                  <a16:creationId xmlns:a16="http://schemas.microsoft.com/office/drawing/2014/main" id="{00D3C0D8-A139-3308-5998-9837701C3686}"/>
                </a:ext>
              </a:extLst>
            </p:cNvPr>
            <p:cNvSpPr/>
            <p:nvPr/>
          </p:nvSpPr>
          <p:spPr>
            <a:xfrm>
              <a:off x="6987693" y="1737002"/>
              <a:ext cx="296476" cy="305317"/>
            </a:xfrm>
            <a:custGeom>
              <a:avLst/>
              <a:gdLst>
                <a:gd name="connsiteX0" fmla="*/ 0 w 296476"/>
                <a:gd name="connsiteY0" fmla="*/ 305318 h 305317"/>
                <a:gd name="connsiteX1" fmla="*/ 296477 w 296476"/>
                <a:gd name="connsiteY1" fmla="*/ 0 h 305317"/>
                <a:gd name="connsiteX2" fmla="*/ 0 w 296476"/>
                <a:gd name="connsiteY2" fmla="*/ 305318 h 305317"/>
                <a:gd name="connsiteX3" fmla="*/ 0 w 296476"/>
                <a:gd name="connsiteY3" fmla="*/ 305318 h 305317"/>
              </a:gdLst>
              <a:ahLst/>
              <a:cxnLst>
                <a:cxn ang="0">
                  <a:pos x="connsiteX0" y="connsiteY0"/>
                </a:cxn>
                <a:cxn ang="0">
                  <a:pos x="connsiteX1" y="connsiteY1"/>
                </a:cxn>
                <a:cxn ang="0">
                  <a:pos x="connsiteX2" y="connsiteY2"/>
                </a:cxn>
                <a:cxn ang="0">
                  <a:pos x="connsiteX3" y="connsiteY3"/>
                </a:cxn>
              </a:cxnLst>
              <a:rect l="l" t="t" r="r" b="b"/>
              <a:pathLst>
                <a:path w="296476" h="305317">
                  <a:moveTo>
                    <a:pt x="0" y="305318"/>
                  </a:moveTo>
                  <a:cubicBezTo>
                    <a:pt x="0" y="305318"/>
                    <a:pt x="282054" y="275120"/>
                    <a:pt x="296477" y="0"/>
                  </a:cubicBezTo>
                  <a:cubicBezTo>
                    <a:pt x="296477" y="0"/>
                    <a:pt x="12130" y="27808"/>
                    <a:pt x="0" y="305318"/>
                  </a:cubicBezTo>
                  <a:lnTo>
                    <a:pt x="0" y="305318"/>
                  </a:lnTo>
                  <a:close/>
                </a:path>
              </a:pathLst>
            </a:custGeom>
            <a:solidFill>
              <a:schemeClr val="accent5"/>
            </a:solidFill>
            <a:ln w="9546" cap="flat">
              <a:noFill/>
              <a:prstDash val="solid"/>
              <a:miter/>
            </a:ln>
          </p:spPr>
          <p:txBody>
            <a:bodyPr rtlCol="0" anchor="ctr"/>
            <a:lstStyle/>
            <a:p>
              <a:endParaRPr lang="en-US"/>
            </a:p>
          </p:txBody>
        </p:sp>
      </p:grpSp>
      <p:grpSp>
        <p:nvGrpSpPr>
          <p:cNvPr id="71" name="Group 70">
            <a:extLst>
              <a:ext uri="{FF2B5EF4-FFF2-40B4-BE49-F238E27FC236}">
                <a16:creationId xmlns:a16="http://schemas.microsoft.com/office/drawing/2014/main" id="{C44361FA-BC54-64F4-88BF-5A92002C0150}"/>
              </a:ext>
            </a:extLst>
          </p:cNvPr>
          <p:cNvGrpSpPr/>
          <p:nvPr/>
        </p:nvGrpSpPr>
        <p:grpSpPr>
          <a:xfrm>
            <a:off x="0" y="4896322"/>
            <a:ext cx="3926064" cy="1975966"/>
            <a:chOff x="0" y="4896322"/>
            <a:chExt cx="3926064" cy="1975966"/>
          </a:xfrm>
        </p:grpSpPr>
        <p:sp>
          <p:nvSpPr>
            <p:cNvPr id="72" name="Rectangle 48">
              <a:extLst>
                <a:ext uri="{FF2B5EF4-FFF2-40B4-BE49-F238E27FC236}">
                  <a16:creationId xmlns:a16="http://schemas.microsoft.com/office/drawing/2014/main" id="{D00464BF-E64B-B1A0-3878-F4148780EA80}"/>
                </a:ext>
              </a:extLst>
            </p:cNvPr>
            <p:cNvSpPr/>
            <p:nvPr/>
          </p:nvSpPr>
          <p:spPr>
            <a:xfrm>
              <a:off x="0" y="4896322"/>
              <a:ext cx="3926064" cy="1975966"/>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Lst>
              <a:ahLst/>
              <a:cxnLst>
                <a:cxn ang="0">
                  <a:pos x="connsiteX0" y="connsiteY0"/>
                </a:cxn>
                <a:cxn ang="0">
                  <a:pos x="connsiteX1" y="connsiteY1"/>
                </a:cxn>
                <a:cxn ang="0">
                  <a:pos x="connsiteX2" y="connsiteY2"/>
                </a:cxn>
                <a:cxn ang="0">
                  <a:pos x="connsiteX3" y="connsiteY3"/>
                </a:cxn>
              </a:cxnLst>
              <a:rect l="l" t="t" r="r" b="b"/>
              <a:pathLst>
                <a:path w="4575363" h="2886342">
                  <a:moveTo>
                    <a:pt x="0" y="0"/>
                  </a:moveTo>
                  <a:cubicBezTo>
                    <a:pt x="749422" y="1127588"/>
                    <a:pt x="1251023" y="1711434"/>
                    <a:pt x="4575363" y="2886342"/>
                  </a:cubicBezTo>
                  <a:lnTo>
                    <a:pt x="0" y="2868414"/>
                  </a:lnTo>
                  <a:lnTo>
                    <a:pt x="0" y="0"/>
                  </a:lnTo>
                  <a:close/>
                </a:path>
              </a:pathLst>
            </a:custGeom>
            <a:gradFill flip="none" rotWithShape="1">
              <a:gsLst>
                <a:gs pos="0">
                  <a:schemeClr val="accent5"/>
                </a:gs>
                <a:gs pos="100000">
                  <a:schemeClr val="bg1"/>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73" name="Rectangle 48">
              <a:extLst>
                <a:ext uri="{FF2B5EF4-FFF2-40B4-BE49-F238E27FC236}">
                  <a16:creationId xmlns:a16="http://schemas.microsoft.com/office/drawing/2014/main" id="{258E868F-9316-223B-645E-726DE04C49CE}"/>
                </a:ext>
              </a:extLst>
            </p:cNvPr>
            <p:cNvSpPr/>
            <p:nvPr/>
          </p:nvSpPr>
          <p:spPr>
            <a:xfrm>
              <a:off x="0" y="5047641"/>
              <a:ext cx="3202696" cy="1810358"/>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Lst>
              <a:ahLst/>
              <a:cxnLst>
                <a:cxn ang="0">
                  <a:pos x="connsiteX0" y="connsiteY0"/>
                </a:cxn>
                <a:cxn ang="0">
                  <a:pos x="connsiteX1" y="connsiteY1"/>
                </a:cxn>
                <a:cxn ang="0">
                  <a:pos x="connsiteX2" y="connsiteY2"/>
                </a:cxn>
                <a:cxn ang="0">
                  <a:pos x="connsiteX3" y="connsiteY3"/>
                </a:cxn>
              </a:cxnLst>
              <a:rect l="l" t="t" r="r" b="b"/>
              <a:pathLst>
                <a:path w="4048488" h="2868414">
                  <a:moveTo>
                    <a:pt x="0" y="0"/>
                  </a:moveTo>
                  <a:cubicBezTo>
                    <a:pt x="749422" y="1127588"/>
                    <a:pt x="1698866" y="1926564"/>
                    <a:pt x="4048488" y="2868414"/>
                  </a:cubicBezTo>
                  <a:lnTo>
                    <a:pt x="0" y="2868414"/>
                  </a:lnTo>
                  <a:lnTo>
                    <a:pt x="0" y="0"/>
                  </a:lnTo>
                  <a:close/>
                </a:path>
              </a:pathLst>
            </a:custGeom>
            <a:solidFill>
              <a:schemeClr val="accent1"/>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sp>
        <p:nvSpPr>
          <p:cNvPr id="76" name="Text Placeholder 6">
            <a:extLst>
              <a:ext uri="{FF2B5EF4-FFF2-40B4-BE49-F238E27FC236}">
                <a16:creationId xmlns:a16="http://schemas.microsoft.com/office/drawing/2014/main" id="{E8C58D4E-379D-FEDF-BFC8-54660E25F6F9}"/>
              </a:ext>
            </a:extLst>
          </p:cNvPr>
          <p:cNvSpPr>
            <a:spLocks noGrp="1"/>
          </p:cNvSpPr>
          <p:nvPr>
            <p:ph type="body" sz="quarter" idx="13"/>
          </p:nvPr>
        </p:nvSpPr>
        <p:spPr>
          <a:xfrm>
            <a:off x="2210526" y="1279218"/>
            <a:ext cx="9261474" cy="347020"/>
          </a:xfrm>
        </p:spPr>
        <p:txBody>
          <a:bodyPr/>
          <a:lstStyle/>
          <a:p>
            <a:r>
              <a:rPr lang="en-US" sz="1950" spc="150" dirty="0"/>
              <a:t>How can my work contribute to the goals</a:t>
            </a:r>
            <a:br>
              <a:rPr lang="en-US" sz="1950" spc="150" dirty="0"/>
            </a:br>
            <a:r>
              <a:rPr lang="en-US" sz="1950" spc="150" dirty="0"/>
              <a:t>of </a:t>
            </a:r>
            <a:r>
              <a:rPr lang="en-US" sz="1950" spc="150" dirty="0" err="1"/>
              <a:t>penn</a:t>
            </a:r>
            <a:r>
              <a:rPr lang="en-US" sz="1950" spc="150" dirty="0"/>
              <a:t> medicine’s strategic plan?</a:t>
            </a:r>
          </a:p>
        </p:txBody>
      </p:sp>
    </p:spTree>
    <p:extLst>
      <p:ext uri="{BB962C8B-B14F-4D97-AF65-F5344CB8AC3E}">
        <p14:creationId xmlns:p14="http://schemas.microsoft.com/office/powerpoint/2010/main" val="3857971309"/>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7" name="Rectangle 46">
            <a:extLst>
              <a:ext uri="{FF2B5EF4-FFF2-40B4-BE49-F238E27FC236}">
                <a16:creationId xmlns:a16="http://schemas.microsoft.com/office/drawing/2014/main" id="{307A7D96-8964-7CF7-6393-2C0909C5B506}"/>
              </a:ext>
            </a:extLst>
          </p:cNvPr>
          <p:cNvSpPr/>
          <p:nvPr/>
        </p:nvSpPr>
        <p:spPr>
          <a:xfrm>
            <a:off x="-4412" y="2492964"/>
            <a:ext cx="12192000" cy="482686"/>
          </a:xfrm>
          <a:prstGeom prst="rect">
            <a:avLst/>
          </a:prstGeom>
          <a:gradFill flip="none" rotWithShape="1">
            <a:gsLst>
              <a:gs pos="0">
                <a:schemeClr val="bg1"/>
              </a:gs>
              <a:gs pos="99000">
                <a:schemeClr val="accent2"/>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46" name="Rectangle 45">
            <a:extLst>
              <a:ext uri="{FF2B5EF4-FFF2-40B4-BE49-F238E27FC236}">
                <a16:creationId xmlns:a16="http://schemas.microsoft.com/office/drawing/2014/main" id="{98FF3773-5364-B9BC-183C-FB0DA0BDB8B1}"/>
              </a:ext>
            </a:extLst>
          </p:cNvPr>
          <p:cNvSpPr/>
          <p:nvPr/>
        </p:nvSpPr>
        <p:spPr>
          <a:xfrm rot="5400000">
            <a:off x="3918640" y="1279714"/>
            <a:ext cx="1655234" cy="9501337"/>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13" name="Rectangle 12">
            <a:extLst>
              <a:ext uri="{FF2B5EF4-FFF2-40B4-BE49-F238E27FC236}">
                <a16:creationId xmlns:a16="http://schemas.microsoft.com/office/drawing/2014/main" id="{6CE824D6-864A-4270-B78A-561069754512}"/>
              </a:ext>
            </a:extLst>
          </p:cNvPr>
          <p:cNvSpPr/>
          <p:nvPr/>
        </p:nvSpPr>
        <p:spPr>
          <a:xfrm>
            <a:off x="-4411" y="2911014"/>
            <a:ext cx="12192000" cy="2422488"/>
          </a:xfrm>
          <a:prstGeom prst="rect">
            <a:avLst/>
          </a:prstGeom>
          <a:gradFill flip="none" rotWithShape="1">
            <a:gsLst>
              <a:gs pos="86000">
                <a:srgbClr val="1F538F"/>
              </a:gs>
              <a:gs pos="60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grpSp>
        <p:nvGrpSpPr>
          <p:cNvPr id="31" name="Group 30">
            <a:extLst>
              <a:ext uri="{FF2B5EF4-FFF2-40B4-BE49-F238E27FC236}">
                <a16:creationId xmlns:a16="http://schemas.microsoft.com/office/drawing/2014/main" id="{73868DD8-7D62-EB08-C64E-BD5B70460EFB}"/>
              </a:ext>
            </a:extLst>
          </p:cNvPr>
          <p:cNvGrpSpPr/>
          <p:nvPr/>
        </p:nvGrpSpPr>
        <p:grpSpPr>
          <a:xfrm rot="2960871">
            <a:off x="7373585" y="-2417424"/>
            <a:ext cx="7132695" cy="7628971"/>
            <a:chOff x="3998339" y="-1284257"/>
            <a:chExt cx="6499168" cy="6951365"/>
          </a:xfrm>
        </p:grpSpPr>
        <p:grpSp>
          <p:nvGrpSpPr>
            <p:cNvPr id="32" name="Graphic 15">
              <a:extLst>
                <a:ext uri="{FF2B5EF4-FFF2-40B4-BE49-F238E27FC236}">
                  <a16:creationId xmlns:a16="http://schemas.microsoft.com/office/drawing/2014/main" id="{72E457EE-3D50-7F4F-8397-0F411557A48B}"/>
                </a:ext>
              </a:extLst>
            </p:cNvPr>
            <p:cNvGrpSpPr/>
            <p:nvPr/>
          </p:nvGrpSpPr>
          <p:grpSpPr>
            <a:xfrm>
              <a:off x="3998339" y="-1284257"/>
              <a:ext cx="6499168" cy="6951365"/>
              <a:chOff x="3998339" y="-1284257"/>
              <a:chExt cx="6499168" cy="6951365"/>
            </a:xfrm>
          </p:grpSpPr>
          <p:sp>
            <p:nvSpPr>
              <p:cNvPr id="35" name="Freeform 34">
                <a:extLst>
                  <a:ext uri="{FF2B5EF4-FFF2-40B4-BE49-F238E27FC236}">
                    <a16:creationId xmlns:a16="http://schemas.microsoft.com/office/drawing/2014/main" id="{8768A78B-F54A-0E4B-0252-30F58C6246F7}"/>
                  </a:ext>
                </a:extLst>
              </p:cNvPr>
              <p:cNvSpPr/>
              <p:nvPr/>
            </p:nvSpPr>
            <p:spPr>
              <a:xfrm>
                <a:off x="3998339" y="-1284257"/>
                <a:ext cx="5164217" cy="5155806"/>
              </a:xfrm>
              <a:custGeom>
                <a:avLst/>
                <a:gdLst>
                  <a:gd name="connsiteX0" fmla="*/ 5164218 w 5164217"/>
                  <a:gd name="connsiteY0" fmla="*/ 96 h 5155806"/>
                  <a:gd name="connsiteX1" fmla="*/ 83040 w 5164217"/>
                  <a:gd name="connsiteY1" fmla="*/ 5155807 h 5155806"/>
                  <a:gd name="connsiteX2" fmla="*/ 94980 w 5164217"/>
                  <a:gd name="connsiteY2" fmla="*/ 5103249 h 5155806"/>
                  <a:gd name="connsiteX3" fmla="*/ 4921802 w 5164217"/>
                  <a:gd name="connsiteY3" fmla="*/ 342778 h 5155806"/>
                  <a:gd name="connsiteX4" fmla="*/ 5164218 w 5164217"/>
                  <a:gd name="connsiteY4" fmla="*/ 0 h 5155806"/>
                  <a:gd name="connsiteX5" fmla="*/ 5164218 w 5164217"/>
                  <a:gd name="connsiteY5" fmla="*/ 0 h 51558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64217" h="5155806">
                    <a:moveTo>
                      <a:pt x="5164218" y="96"/>
                    </a:moveTo>
                    <a:cubicBezTo>
                      <a:pt x="4909577" y="2855174"/>
                      <a:pt x="2994608" y="4946337"/>
                      <a:pt x="83040" y="5155807"/>
                    </a:cubicBezTo>
                    <a:cubicBezTo>
                      <a:pt x="83040" y="5155807"/>
                      <a:pt x="-111522" y="5114429"/>
                      <a:pt x="94980" y="5103249"/>
                    </a:cubicBezTo>
                    <a:cubicBezTo>
                      <a:pt x="1764955" y="5013421"/>
                      <a:pt x="4667734" y="3821297"/>
                      <a:pt x="4921802" y="342778"/>
                    </a:cubicBezTo>
                    <a:cubicBezTo>
                      <a:pt x="4921802" y="342778"/>
                      <a:pt x="5164218" y="0"/>
                      <a:pt x="5164218" y="0"/>
                    </a:cubicBezTo>
                    <a:lnTo>
                      <a:pt x="5164218" y="0"/>
                    </a:lnTo>
                    <a:close/>
                  </a:path>
                </a:pathLst>
              </a:custGeom>
              <a:gradFill>
                <a:gsLst>
                  <a:gs pos="31000">
                    <a:schemeClr val="accent5"/>
                  </a:gs>
                  <a:gs pos="100000">
                    <a:schemeClr val="bg1"/>
                  </a:gs>
                </a:gsLst>
                <a:lin ang="8100000" scaled="1"/>
              </a:gradFill>
              <a:ln w="9546" cap="flat">
                <a:noFill/>
                <a:prstDash val="solid"/>
                <a:miter/>
              </a:ln>
            </p:spPr>
            <p:txBody>
              <a:bodyPr rtlCol="0" anchor="ctr"/>
              <a:lstStyle/>
              <a:p>
                <a:endParaRPr lang="en-US" dirty="0"/>
              </a:p>
            </p:txBody>
          </p:sp>
          <p:sp>
            <p:nvSpPr>
              <p:cNvPr id="36" name="Freeform 35">
                <a:extLst>
                  <a:ext uri="{FF2B5EF4-FFF2-40B4-BE49-F238E27FC236}">
                    <a16:creationId xmlns:a16="http://schemas.microsoft.com/office/drawing/2014/main" id="{2892076D-74D9-CE24-01D3-546DB2116A4B}"/>
                  </a:ext>
                </a:extLst>
              </p:cNvPr>
              <p:cNvSpPr/>
              <p:nvPr/>
            </p:nvSpPr>
            <p:spPr>
              <a:xfrm>
                <a:off x="7276453" y="-986584"/>
                <a:ext cx="3221054" cy="6653692"/>
              </a:xfrm>
              <a:custGeom>
                <a:avLst/>
                <a:gdLst>
                  <a:gd name="connsiteX0" fmla="*/ 263409 w 3221054"/>
                  <a:gd name="connsiteY0" fmla="*/ 0 h 6653692"/>
                  <a:gd name="connsiteX1" fmla="*/ 3131421 w 3221054"/>
                  <a:gd name="connsiteY1" fmla="*/ 6647803 h 6653692"/>
                  <a:gd name="connsiteX2" fmla="*/ 3139348 w 3221054"/>
                  <a:gd name="connsiteY2" fmla="*/ 6594575 h 6653692"/>
                  <a:gd name="connsiteX3" fmla="*/ 365323 w 3221054"/>
                  <a:gd name="connsiteY3" fmla="*/ 407472 h 6653692"/>
                  <a:gd name="connsiteX4" fmla="*/ 263504 w 3221054"/>
                  <a:gd name="connsiteY4" fmla="*/ 96 h 6653692"/>
                  <a:gd name="connsiteX5" fmla="*/ 263504 w 3221054"/>
                  <a:gd name="connsiteY5" fmla="*/ 96 h 665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221054" h="6653692">
                    <a:moveTo>
                      <a:pt x="263409" y="0"/>
                    </a:moveTo>
                    <a:cubicBezTo>
                      <a:pt x="-533564" y="2753402"/>
                      <a:pt x="493694" y="5396717"/>
                      <a:pt x="3131421" y="6647803"/>
                    </a:cubicBezTo>
                    <a:cubicBezTo>
                      <a:pt x="3131421" y="6647803"/>
                      <a:pt x="3327704" y="6679815"/>
                      <a:pt x="3139348" y="6594575"/>
                    </a:cubicBezTo>
                    <a:cubicBezTo>
                      <a:pt x="1615511" y="5905293"/>
                      <a:pt x="-658019" y="3741599"/>
                      <a:pt x="365323" y="407472"/>
                    </a:cubicBezTo>
                    <a:cubicBezTo>
                      <a:pt x="365323" y="407472"/>
                      <a:pt x="263504" y="96"/>
                      <a:pt x="263504" y="96"/>
                    </a:cubicBezTo>
                    <a:lnTo>
                      <a:pt x="263504" y="96"/>
                    </a:lnTo>
                    <a:close/>
                  </a:path>
                </a:pathLst>
              </a:custGeom>
              <a:gradFill flip="none" rotWithShape="1">
                <a:gsLst>
                  <a:gs pos="22000">
                    <a:schemeClr val="accent1"/>
                  </a:gs>
                  <a:gs pos="81000">
                    <a:schemeClr val="bg1">
                      <a:alpha val="0"/>
                    </a:schemeClr>
                  </a:gs>
                </a:gsLst>
                <a:lin ang="0" scaled="1"/>
                <a:tileRect/>
              </a:gradFill>
              <a:ln w="9546" cap="flat">
                <a:noFill/>
                <a:prstDash val="solid"/>
                <a:miter/>
              </a:ln>
            </p:spPr>
            <p:txBody>
              <a:bodyPr rtlCol="0" anchor="ctr"/>
              <a:lstStyle/>
              <a:p>
                <a:endParaRPr lang="en-US" dirty="0"/>
              </a:p>
            </p:txBody>
          </p:sp>
        </p:grpSp>
        <p:sp>
          <p:nvSpPr>
            <p:cNvPr id="33" name="Freeform 32">
              <a:extLst>
                <a:ext uri="{FF2B5EF4-FFF2-40B4-BE49-F238E27FC236}">
                  <a16:creationId xmlns:a16="http://schemas.microsoft.com/office/drawing/2014/main" id="{8349A602-8987-71EA-F98D-2DFFF8DD2739}"/>
                </a:ext>
              </a:extLst>
            </p:cNvPr>
            <p:cNvSpPr/>
            <p:nvPr/>
          </p:nvSpPr>
          <p:spPr>
            <a:xfrm>
              <a:off x="6751963" y="1295259"/>
              <a:ext cx="520936" cy="385983"/>
            </a:xfrm>
            <a:custGeom>
              <a:avLst/>
              <a:gdLst>
                <a:gd name="connsiteX0" fmla="*/ 520936 w 520936"/>
                <a:gd name="connsiteY0" fmla="*/ 380965 h 385983"/>
                <a:gd name="connsiteX1" fmla="*/ 0 w 520936"/>
                <a:gd name="connsiteY1" fmla="*/ 4359 h 385983"/>
                <a:gd name="connsiteX2" fmla="*/ 520936 w 520936"/>
                <a:gd name="connsiteY2" fmla="*/ 380965 h 385983"/>
                <a:gd name="connsiteX3" fmla="*/ 520936 w 520936"/>
                <a:gd name="connsiteY3" fmla="*/ 380965 h 385983"/>
              </a:gdLst>
              <a:ahLst/>
              <a:cxnLst>
                <a:cxn ang="0">
                  <a:pos x="connsiteX0" y="connsiteY0"/>
                </a:cxn>
                <a:cxn ang="0">
                  <a:pos x="connsiteX1" y="connsiteY1"/>
                </a:cxn>
                <a:cxn ang="0">
                  <a:pos x="connsiteX2" y="connsiteY2"/>
                </a:cxn>
                <a:cxn ang="0">
                  <a:pos x="connsiteX3" y="connsiteY3"/>
                </a:cxn>
              </a:cxnLst>
              <a:rect l="l" t="t" r="r" b="b"/>
              <a:pathLst>
                <a:path w="520936" h="385983">
                  <a:moveTo>
                    <a:pt x="520936" y="380965"/>
                  </a:moveTo>
                  <a:cubicBezTo>
                    <a:pt x="520936" y="380965"/>
                    <a:pt x="443187" y="-47531"/>
                    <a:pt x="0" y="4359"/>
                  </a:cubicBezTo>
                  <a:cubicBezTo>
                    <a:pt x="0" y="4359"/>
                    <a:pt x="74119" y="437060"/>
                    <a:pt x="520936" y="380965"/>
                  </a:cubicBezTo>
                  <a:lnTo>
                    <a:pt x="520936" y="380965"/>
                  </a:lnTo>
                  <a:close/>
                </a:path>
              </a:pathLst>
            </a:custGeom>
            <a:solidFill>
              <a:schemeClr val="accent5"/>
            </a:solidFill>
            <a:ln w="9546" cap="flat">
              <a:noFill/>
              <a:prstDash val="solid"/>
              <a:miter/>
            </a:ln>
          </p:spPr>
          <p:txBody>
            <a:bodyPr rtlCol="0" anchor="ctr"/>
            <a:lstStyle/>
            <a:p>
              <a:endParaRPr lang="en-US"/>
            </a:p>
          </p:txBody>
        </p:sp>
        <p:sp>
          <p:nvSpPr>
            <p:cNvPr id="34" name="Freeform 33">
              <a:extLst>
                <a:ext uri="{FF2B5EF4-FFF2-40B4-BE49-F238E27FC236}">
                  <a16:creationId xmlns:a16="http://schemas.microsoft.com/office/drawing/2014/main" id="{16F12C1D-C15C-6C76-A485-1C9980C040D4}"/>
                </a:ext>
              </a:extLst>
            </p:cNvPr>
            <p:cNvSpPr/>
            <p:nvPr/>
          </p:nvSpPr>
          <p:spPr>
            <a:xfrm>
              <a:off x="6987693" y="1737002"/>
              <a:ext cx="296476" cy="305317"/>
            </a:xfrm>
            <a:custGeom>
              <a:avLst/>
              <a:gdLst>
                <a:gd name="connsiteX0" fmla="*/ 0 w 296476"/>
                <a:gd name="connsiteY0" fmla="*/ 305318 h 305317"/>
                <a:gd name="connsiteX1" fmla="*/ 296477 w 296476"/>
                <a:gd name="connsiteY1" fmla="*/ 0 h 305317"/>
                <a:gd name="connsiteX2" fmla="*/ 0 w 296476"/>
                <a:gd name="connsiteY2" fmla="*/ 305318 h 305317"/>
                <a:gd name="connsiteX3" fmla="*/ 0 w 296476"/>
                <a:gd name="connsiteY3" fmla="*/ 305318 h 305317"/>
              </a:gdLst>
              <a:ahLst/>
              <a:cxnLst>
                <a:cxn ang="0">
                  <a:pos x="connsiteX0" y="connsiteY0"/>
                </a:cxn>
                <a:cxn ang="0">
                  <a:pos x="connsiteX1" y="connsiteY1"/>
                </a:cxn>
                <a:cxn ang="0">
                  <a:pos x="connsiteX2" y="connsiteY2"/>
                </a:cxn>
                <a:cxn ang="0">
                  <a:pos x="connsiteX3" y="connsiteY3"/>
                </a:cxn>
              </a:cxnLst>
              <a:rect l="l" t="t" r="r" b="b"/>
              <a:pathLst>
                <a:path w="296476" h="305317">
                  <a:moveTo>
                    <a:pt x="0" y="305318"/>
                  </a:moveTo>
                  <a:cubicBezTo>
                    <a:pt x="0" y="305318"/>
                    <a:pt x="282054" y="275120"/>
                    <a:pt x="296477" y="0"/>
                  </a:cubicBezTo>
                  <a:cubicBezTo>
                    <a:pt x="296477" y="0"/>
                    <a:pt x="12130" y="27808"/>
                    <a:pt x="0" y="305318"/>
                  </a:cubicBezTo>
                  <a:lnTo>
                    <a:pt x="0" y="305318"/>
                  </a:lnTo>
                  <a:close/>
                </a:path>
              </a:pathLst>
            </a:custGeom>
            <a:solidFill>
              <a:schemeClr val="accent5"/>
            </a:solidFill>
            <a:ln w="9546" cap="flat">
              <a:noFill/>
              <a:prstDash val="solid"/>
              <a:miter/>
            </a:ln>
          </p:spPr>
          <p:txBody>
            <a:bodyPr rtlCol="0" anchor="ctr"/>
            <a:lstStyle/>
            <a:p>
              <a:endParaRPr lang="en-US"/>
            </a:p>
          </p:txBody>
        </p:sp>
      </p:grpSp>
      <p:sp>
        <p:nvSpPr>
          <p:cNvPr id="56" name="Title 55">
            <a:extLst>
              <a:ext uri="{FF2B5EF4-FFF2-40B4-BE49-F238E27FC236}">
                <a16:creationId xmlns:a16="http://schemas.microsoft.com/office/drawing/2014/main" id="{4108A000-274E-F541-8366-8FBB0EC99812}"/>
              </a:ext>
            </a:extLst>
          </p:cNvPr>
          <p:cNvSpPr>
            <a:spLocks noGrp="1"/>
          </p:cNvSpPr>
          <p:nvPr>
            <p:ph type="title"/>
          </p:nvPr>
        </p:nvSpPr>
        <p:spPr>
          <a:xfrm>
            <a:off x="719138" y="720000"/>
            <a:ext cx="10753724" cy="907200"/>
          </a:xfrm>
        </p:spPr>
        <p:txBody>
          <a:bodyPr/>
          <a:lstStyle/>
          <a:p>
            <a:r>
              <a:rPr lang="en-US" dirty="0"/>
              <a:t>Want to Learn More? </a:t>
            </a:r>
          </a:p>
        </p:txBody>
      </p:sp>
      <p:sp>
        <p:nvSpPr>
          <p:cNvPr id="49" name="Content Placeholder 48">
            <a:extLst>
              <a:ext uri="{FF2B5EF4-FFF2-40B4-BE49-F238E27FC236}">
                <a16:creationId xmlns:a16="http://schemas.microsoft.com/office/drawing/2014/main" id="{BAAEBE21-630A-4746-9D18-5F6B66362119}"/>
              </a:ext>
            </a:extLst>
          </p:cNvPr>
          <p:cNvSpPr>
            <a:spLocks noGrp="1"/>
          </p:cNvSpPr>
          <p:nvPr>
            <p:ph idx="1"/>
          </p:nvPr>
        </p:nvSpPr>
        <p:spPr>
          <a:xfrm>
            <a:off x="719138" y="1627188"/>
            <a:ext cx="4612355" cy="506412"/>
          </a:xfrm>
        </p:spPr>
        <p:txBody>
          <a:bodyPr/>
          <a:lstStyle/>
          <a:p>
            <a:r>
              <a:rPr lang="en-US" sz="1400" b="0" i="0" dirty="0">
                <a:solidFill>
                  <a:schemeClr val="accent2"/>
                </a:solidFill>
                <a:effectLst/>
              </a:rPr>
              <a:t>Explore these resources to acquaint yourself with the Strategic Plan and discover ways to contribute.</a:t>
            </a:r>
            <a:endParaRPr lang="en-US" sz="1400" dirty="0">
              <a:solidFill>
                <a:schemeClr val="accent2"/>
              </a:solidFill>
            </a:endParaRPr>
          </a:p>
        </p:txBody>
      </p:sp>
      <p:sp>
        <p:nvSpPr>
          <p:cNvPr id="8" name="Date Placeholder 7">
            <a:extLst>
              <a:ext uri="{FF2B5EF4-FFF2-40B4-BE49-F238E27FC236}">
                <a16:creationId xmlns:a16="http://schemas.microsoft.com/office/drawing/2014/main" id="{6627A18B-90CD-E54B-B533-4AC23A51DB47}"/>
              </a:ext>
            </a:extLst>
          </p:cNvPr>
          <p:cNvSpPr>
            <a:spLocks noGrp="1"/>
          </p:cNvSpPr>
          <p:nvPr>
            <p:ph type="dt" sz="half" idx="10"/>
          </p:nvPr>
        </p:nvSpPr>
        <p:spPr/>
        <p:txBody>
          <a:bodyPr/>
          <a:lstStyle/>
          <a:p>
            <a:fld id="{27B37647-805E-E840-83B2-E49E8C10904E}" type="datetime4">
              <a:rPr lang="en-US"/>
              <a:t>September 8, 2023</a:t>
            </a:fld>
            <a:endParaRPr lang="en-GB" dirty="0"/>
          </a:p>
        </p:txBody>
      </p:sp>
      <p:sp>
        <p:nvSpPr>
          <p:cNvPr id="10" name="Slide Number Placeholder 9">
            <a:extLst>
              <a:ext uri="{FF2B5EF4-FFF2-40B4-BE49-F238E27FC236}">
                <a16:creationId xmlns:a16="http://schemas.microsoft.com/office/drawing/2014/main" id="{40C4EB1F-FA67-424E-AA6C-E317EA04D1AC}"/>
              </a:ext>
            </a:extLst>
          </p:cNvPr>
          <p:cNvSpPr>
            <a:spLocks noGrp="1"/>
          </p:cNvSpPr>
          <p:nvPr>
            <p:ph type="sldNum" sz="quarter" idx="11"/>
          </p:nvPr>
        </p:nvSpPr>
        <p:spPr/>
        <p:txBody>
          <a:bodyPr/>
          <a:lstStyle/>
          <a:p>
            <a:fld id="{23AA811B-2EBD-4900-905E-5BE206449611}" type="slidenum">
              <a:rPr lang="en-GB"/>
              <a:pPr/>
              <a:t>14</a:t>
            </a:fld>
            <a:endParaRPr lang="en-GB" dirty="0"/>
          </a:p>
        </p:txBody>
      </p:sp>
      <p:sp>
        <p:nvSpPr>
          <p:cNvPr id="4" name="Inhaltsplatzhalter 4">
            <a:extLst>
              <a:ext uri="{FF2B5EF4-FFF2-40B4-BE49-F238E27FC236}">
                <a16:creationId xmlns:a16="http://schemas.microsoft.com/office/drawing/2014/main" id="{6E03520C-D99D-CE42-2521-3F16CC6831D3}"/>
              </a:ext>
            </a:extLst>
          </p:cNvPr>
          <p:cNvSpPr txBox="1">
            <a:spLocks/>
          </p:cNvSpPr>
          <p:nvPr/>
        </p:nvSpPr>
        <p:spPr>
          <a:xfrm>
            <a:off x="1703515" y="4897187"/>
            <a:ext cx="5080369" cy="428433"/>
          </a:xfrm>
          <a:prstGeom prst="rect">
            <a:avLst/>
          </a:prstGeom>
        </p:spPr>
        <p:txBody>
          <a:bodyPr wrap="square" lIns="0" tIns="0" rIns="0" bIns="0" anchor="t" anchorCtr="0">
            <a:noAutofit/>
          </a:bodyPr>
          <a:lstStyle>
            <a:lvl1pPr marL="272967" indent="-272967" algn="l" defTabSz="914127" rtl="0" eaLnBrk="1" latinLnBrk="0" hangingPunct="1">
              <a:lnSpc>
                <a:spcPct val="90000"/>
              </a:lnSpc>
              <a:spcBef>
                <a:spcPts val="0"/>
              </a:spcBef>
              <a:spcAft>
                <a:spcPts val="1000"/>
              </a:spcAft>
              <a:buFont typeface="Wingdings" panose="05000000000000000000" pitchFamily="2" charset="2"/>
              <a:buChar char="§"/>
              <a:defRPr sz="2300" kern="1200">
                <a:solidFill>
                  <a:schemeClr val="bg1"/>
                </a:solidFill>
                <a:latin typeface="Calibri Light" panose="020F0302020204030204" pitchFamily="34" charset="0"/>
                <a:ea typeface="+mn-ea"/>
                <a:cs typeface="+mn-cs"/>
              </a:defRPr>
            </a:lvl1pPr>
            <a:lvl2pPr marL="807798" indent="-272967" algn="l" defTabSz="914127" rtl="0" eaLnBrk="1" latinLnBrk="0" hangingPunct="1">
              <a:lnSpc>
                <a:spcPct val="90000"/>
              </a:lnSpc>
              <a:spcBef>
                <a:spcPts val="0"/>
              </a:spcBef>
              <a:spcAft>
                <a:spcPts val="1000"/>
              </a:spcAft>
              <a:buFont typeface="Symbol" panose="05050102010706020507" pitchFamily="18" charset="2"/>
              <a:buChar char="-"/>
              <a:defRPr sz="2000" kern="1200">
                <a:solidFill>
                  <a:schemeClr val="bg1"/>
                </a:solidFill>
                <a:latin typeface="Calibri Light" panose="020F0302020204030204" pitchFamily="34" charset="0"/>
                <a:ea typeface="+mn-ea"/>
                <a:cs typeface="+mn-cs"/>
              </a:defRPr>
            </a:lvl2pPr>
            <a:lvl3pPr marL="1080764" indent="-177748" algn="l" defTabSz="914127" rtl="0" eaLnBrk="1" latinLnBrk="0" hangingPunct="1">
              <a:lnSpc>
                <a:spcPct val="90000"/>
              </a:lnSpc>
              <a:spcBef>
                <a:spcPts val="0"/>
              </a:spcBef>
              <a:spcAft>
                <a:spcPts val="1000"/>
              </a:spcAft>
              <a:buFont typeface="Symbol" panose="05050102010706020507" pitchFamily="18" charset="2"/>
              <a:buChar char="-"/>
              <a:defRPr sz="1900" kern="1200">
                <a:solidFill>
                  <a:schemeClr val="bg1"/>
                </a:solidFill>
                <a:latin typeface="Calibri Light" panose="020F0302020204030204" pitchFamily="34" charset="0"/>
                <a:ea typeface="+mn-ea"/>
                <a:cs typeface="+mn-cs"/>
              </a:defRPr>
            </a:lvl3pPr>
            <a:lvl4pPr marL="1436256" indent="-177748"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4pPr>
            <a:lvl5pPr marL="1793335" indent="-179335" algn="l" defTabSz="914127" rtl="0" eaLnBrk="1" latinLnBrk="0" hangingPunct="1">
              <a:lnSpc>
                <a:spcPct val="90000"/>
              </a:lnSpc>
              <a:spcBef>
                <a:spcPts val="0"/>
              </a:spcBef>
              <a:spcAft>
                <a:spcPts val="1000"/>
              </a:spcAft>
              <a:buFont typeface="Symbol" panose="05050102010706020507" pitchFamily="18" charset="2"/>
              <a:buChar char="-"/>
              <a:defRPr sz="1600" kern="1200">
                <a:solidFill>
                  <a:schemeClr val="bg1"/>
                </a:solidFill>
                <a:latin typeface="Calibri Light" panose="020F0302020204030204" pitchFamily="34" charset="0"/>
                <a:ea typeface="+mn-ea"/>
                <a:cs typeface="+mn-cs"/>
              </a:defRPr>
            </a:lvl5pPr>
            <a:lvl6pPr marL="2513847"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6pPr>
            <a:lvl7pPr marL="2970910"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7pPr>
            <a:lvl8pPr marL="3427972"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8pPr>
            <a:lvl9pPr marL="3885034" indent="-228532" algn="l" defTabSz="914127" rtl="0" eaLnBrk="1" latinLnBrk="0" hangingPunct="1">
              <a:spcBef>
                <a:spcPct val="20000"/>
              </a:spcBef>
              <a:buFont typeface="Arial" panose="020B0604020202020204" pitchFamily="34" charset="0"/>
              <a:buChar char="•"/>
              <a:defRPr sz="2000" kern="1200">
                <a:solidFill>
                  <a:schemeClr val="tx1"/>
                </a:solidFill>
                <a:latin typeface="+mn-lt"/>
                <a:ea typeface="+mn-ea"/>
                <a:cs typeface="+mn-cs"/>
              </a:defRPr>
            </a:lvl9pPr>
          </a:lstStyle>
          <a:p>
            <a:pPr marL="0" indent="0">
              <a:lnSpc>
                <a:spcPct val="100000"/>
              </a:lnSpc>
              <a:spcBef>
                <a:spcPts val="600"/>
              </a:spcBef>
              <a:buNone/>
            </a:pPr>
            <a:endParaRPr lang="en-US" sz="1300" dirty="0"/>
          </a:p>
        </p:txBody>
      </p:sp>
      <p:sp>
        <p:nvSpPr>
          <p:cNvPr id="22" name="Content Placeholder 48">
            <a:extLst>
              <a:ext uri="{FF2B5EF4-FFF2-40B4-BE49-F238E27FC236}">
                <a16:creationId xmlns:a16="http://schemas.microsoft.com/office/drawing/2014/main" id="{785E152D-EE37-F3CD-0558-651999DCF81D}"/>
              </a:ext>
            </a:extLst>
          </p:cNvPr>
          <p:cNvSpPr txBox="1">
            <a:spLocks/>
          </p:cNvSpPr>
          <p:nvPr/>
        </p:nvSpPr>
        <p:spPr>
          <a:xfrm>
            <a:off x="719138" y="2587898"/>
            <a:ext cx="6796585" cy="252978"/>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600"/>
              </a:spcAft>
              <a:buClr>
                <a:schemeClr val="accent3"/>
              </a:buClr>
              <a:buSzTx/>
              <a:buFont typeface="Calibri Light" panose="020F0302020204030204" pitchFamily="34" charset="0"/>
              <a:buChar char="​"/>
              <a:tabLst/>
              <a:defRPr sz="1400" kern="1200">
                <a:solidFill>
                  <a:schemeClr val="accent1"/>
                </a:solidFill>
                <a:latin typeface="+mn-lt"/>
                <a:ea typeface="+mn-ea"/>
                <a:cs typeface="+mn-cs"/>
              </a:defRPr>
            </a:lvl1pPr>
            <a:lvl2pPr marL="136800" indent="-137160" algn="l" defTabSz="914400" rtl="0" eaLnBrk="1" latinLnBrk="0" hangingPunct="1">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n-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00" kern="1200" baseline="0">
                <a:solidFill>
                  <a:schemeClr val="accent1"/>
                </a:solidFill>
                <a:latin typeface="+mn-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00" b="0" i="0" kern="0" cap="none" spc="0" baseline="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lang="en-GB" sz="1800" b="1" i="0" kern="1200" cap="all" spc="200" baseline="0" noProof="0">
                <a:solidFill>
                  <a:schemeClr val="accent2"/>
                </a:solidFill>
                <a:latin typeface="+mj-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Calibri Light" panose="020F0302020204030204" pitchFamily="34" charset="0"/>
              <a:buChar char="​"/>
              <a:tabLst/>
              <a:defRPr sz="1600" b="1" kern="1200" cap="none" spc="0" baseline="0">
                <a:solidFill>
                  <a:schemeClr val="accent3"/>
                </a:solidFill>
                <a:latin typeface="+mj-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j-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Calibri Light" panose="020F0302020204030204" pitchFamily="34" charset="0"/>
              <a:buChar char="​"/>
              <a:tabLst/>
              <a:defRPr sz="1400" b="1" i="0" kern="1200" spc="0" baseline="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Calibri Light" panose="020F0302020204030204" pitchFamily="34" charset="0"/>
              <a:buChar char="​"/>
              <a:defRPr sz="1100" kern="1200" cap="none" baseline="0">
                <a:solidFill>
                  <a:schemeClr val="accent1"/>
                </a:solidFill>
                <a:latin typeface="+mj-lt"/>
                <a:ea typeface="+mn-ea"/>
                <a:cs typeface="+mn-cs"/>
              </a:defRPr>
            </a:lvl9pPr>
          </a:lstStyle>
          <a:p>
            <a:pPr lvl="6"/>
            <a:r>
              <a:rPr lang="en-US" sz="1600" spc="50" dirty="0">
                <a:solidFill>
                  <a:schemeClr val="bg1"/>
                </a:solidFill>
              </a:rPr>
              <a:t>Penn Medicine’s 2023-2028 Strategic plan resources</a:t>
            </a:r>
          </a:p>
        </p:txBody>
      </p:sp>
      <p:grpSp>
        <p:nvGrpSpPr>
          <p:cNvPr id="25" name="Group 24">
            <a:extLst>
              <a:ext uri="{FF2B5EF4-FFF2-40B4-BE49-F238E27FC236}">
                <a16:creationId xmlns:a16="http://schemas.microsoft.com/office/drawing/2014/main" id="{C20E6D2C-C2FE-0B35-9558-0BC920D53340}"/>
              </a:ext>
            </a:extLst>
          </p:cNvPr>
          <p:cNvGrpSpPr/>
          <p:nvPr/>
        </p:nvGrpSpPr>
        <p:grpSpPr>
          <a:xfrm>
            <a:off x="814736" y="3219168"/>
            <a:ext cx="451819" cy="451819"/>
            <a:chOff x="814736" y="3951297"/>
            <a:chExt cx="451819" cy="451819"/>
          </a:xfrm>
        </p:grpSpPr>
        <p:sp>
          <p:nvSpPr>
            <p:cNvPr id="6" name="Oval 5">
              <a:extLst>
                <a:ext uri="{FF2B5EF4-FFF2-40B4-BE49-F238E27FC236}">
                  <a16:creationId xmlns:a16="http://schemas.microsoft.com/office/drawing/2014/main" id="{4A0EFAF9-7AEE-AEE5-1D4E-E65F78000835}"/>
                </a:ext>
              </a:extLst>
            </p:cNvPr>
            <p:cNvSpPr/>
            <p:nvPr/>
          </p:nvSpPr>
          <p:spPr bwMode="auto">
            <a:xfrm>
              <a:off x="814736" y="3951297"/>
              <a:ext cx="451819" cy="451819"/>
            </a:xfrm>
            <a:prstGeom prst="ellipse">
              <a:avLst/>
            </a:prstGeom>
            <a:solidFill>
              <a:schemeClr val="accent2">
                <a:lumMod val="60000"/>
                <a:lumOff val="40000"/>
              </a:schemeClr>
            </a:solidFill>
            <a:ln w="9525">
              <a:noFill/>
              <a:round/>
              <a:headEnd/>
              <a:tailEnd/>
            </a:ln>
          </p:spPr>
          <p:txBody>
            <a:bodyPr vert="horz" wrap="square" lIns="0" tIns="0" rIns="0" bIns="0" numCol="1" rtlCol="0" anchor="ctr" anchorCtr="0" compatLnSpc="1">
              <a:prstTxWarp prst="textNoShape">
                <a:avLst/>
              </a:prstTxWarp>
            </a:bodyPr>
            <a:lstStyle/>
            <a:p>
              <a:pPr algn="ctr"/>
              <a:endParaRPr lang="en-US" sz="2667" b="1" dirty="0">
                <a:solidFill>
                  <a:schemeClr val="bg1"/>
                </a:solidFill>
              </a:endParaRPr>
            </a:p>
          </p:txBody>
        </p:sp>
        <p:pic>
          <p:nvPicPr>
            <p:cNvPr id="5" name="Graphic 4" descr="World outline">
              <a:extLst>
                <a:ext uri="{FF2B5EF4-FFF2-40B4-BE49-F238E27FC236}">
                  <a16:creationId xmlns:a16="http://schemas.microsoft.com/office/drawing/2014/main" id="{E73BC505-1C1B-39C1-D730-CE0A4BF5566F}"/>
                </a:ext>
              </a:extLst>
            </p:cNvPr>
            <p:cNvPicPr>
              <a:picLocks noChangeAspect="1"/>
            </p:cNvPicPr>
            <p:nvPr/>
          </p:nvPicPr>
          <p:blipFill>
            <a:blip r:embed="rId5" cstate="hqprint">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862529" y="3999090"/>
              <a:ext cx="356232" cy="356232"/>
            </a:xfrm>
            <a:prstGeom prst="rect">
              <a:avLst/>
            </a:prstGeom>
          </p:spPr>
        </p:pic>
      </p:grpSp>
      <p:grpSp>
        <p:nvGrpSpPr>
          <p:cNvPr id="26" name="Group 25">
            <a:extLst>
              <a:ext uri="{FF2B5EF4-FFF2-40B4-BE49-F238E27FC236}">
                <a16:creationId xmlns:a16="http://schemas.microsoft.com/office/drawing/2014/main" id="{301B1EB6-0979-894A-63F5-2718E88C4F25}"/>
              </a:ext>
            </a:extLst>
          </p:cNvPr>
          <p:cNvGrpSpPr/>
          <p:nvPr/>
        </p:nvGrpSpPr>
        <p:grpSpPr>
          <a:xfrm>
            <a:off x="814736" y="3886230"/>
            <a:ext cx="451819" cy="451819"/>
            <a:chOff x="814736" y="4618359"/>
            <a:chExt cx="451819" cy="451819"/>
          </a:xfrm>
        </p:grpSpPr>
        <p:sp>
          <p:nvSpPr>
            <p:cNvPr id="24" name="Oval 23">
              <a:extLst>
                <a:ext uri="{FF2B5EF4-FFF2-40B4-BE49-F238E27FC236}">
                  <a16:creationId xmlns:a16="http://schemas.microsoft.com/office/drawing/2014/main" id="{8EB26358-0C67-D3D3-0E33-4D385B0A3E13}"/>
                </a:ext>
              </a:extLst>
            </p:cNvPr>
            <p:cNvSpPr/>
            <p:nvPr/>
          </p:nvSpPr>
          <p:spPr bwMode="auto">
            <a:xfrm>
              <a:off x="814736" y="4618359"/>
              <a:ext cx="451819" cy="451819"/>
            </a:xfrm>
            <a:prstGeom prst="ellipse">
              <a:avLst/>
            </a:prstGeom>
            <a:solidFill>
              <a:schemeClr val="accent2">
                <a:lumMod val="60000"/>
                <a:lumOff val="40000"/>
              </a:schemeClr>
            </a:solidFill>
            <a:ln w="9525">
              <a:noFill/>
              <a:round/>
              <a:headEnd/>
              <a:tailEnd/>
            </a:ln>
          </p:spPr>
          <p:txBody>
            <a:bodyPr vert="horz" wrap="square" lIns="0" tIns="0" rIns="0" bIns="0" numCol="1" rtlCol="0" anchor="ctr" anchorCtr="0" compatLnSpc="1">
              <a:prstTxWarp prst="textNoShape">
                <a:avLst/>
              </a:prstTxWarp>
            </a:bodyPr>
            <a:lstStyle/>
            <a:p>
              <a:pPr algn="ctr"/>
              <a:endParaRPr lang="en-US" sz="2667" b="1" dirty="0">
                <a:solidFill>
                  <a:schemeClr val="bg1"/>
                </a:solidFill>
              </a:endParaRPr>
            </a:p>
          </p:txBody>
        </p:sp>
        <p:pic>
          <p:nvPicPr>
            <p:cNvPr id="7" name="Graphic 6" descr="Envelope outline">
              <a:extLst>
                <a:ext uri="{FF2B5EF4-FFF2-40B4-BE49-F238E27FC236}">
                  <a16:creationId xmlns:a16="http://schemas.microsoft.com/office/drawing/2014/main" id="{4058A3AA-A808-293A-9784-3FBE4B30E836}"/>
                </a:ext>
              </a:extLst>
            </p:cNvPr>
            <p:cNvPicPr>
              <a:picLocks noChangeAspect="1"/>
            </p:cNvPicPr>
            <p:nvPr/>
          </p:nvPicPr>
          <p:blipFill>
            <a:blip r:embed="rId7" cstate="hqprint">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861118" y="4664741"/>
              <a:ext cx="359055" cy="359055"/>
            </a:xfrm>
            <a:prstGeom prst="rect">
              <a:avLst/>
            </a:prstGeom>
          </p:spPr>
        </p:pic>
      </p:grpSp>
      <p:sp>
        <p:nvSpPr>
          <p:cNvPr id="16" name="Content Placeholder 8">
            <a:extLst>
              <a:ext uri="{FF2B5EF4-FFF2-40B4-BE49-F238E27FC236}">
                <a16:creationId xmlns:a16="http://schemas.microsoft.com/office/drawing/2014/main" id="{8225960E-ED77-9227-DB02-433B76AEF515}"/>
              </a:ext>
            </a:extLst>
          </p:cNvPr>
          <p:cNvSpPr txBox="1">
            <a:spLocks/>
          </p:cNvSpPr>
          <p:nvPr/>
        </p:nvSpPr>
        <p:spPr>
          <a:xfrm>
            <a:off x="1443180" y="3273029"/>
            <a:ext cx="5929893" cy="1822161"/>
          </a:xfrm>
          <a:prstGeom prst="rect">
            <a:avLst/>
          </a:prstGeom>
        </p:spPr>
        <p:txBody>
          <a:bodyPr vert="horz" lIns="0" tIns="0" rIns="0" bIns="0" rtlCol="0">
            <a:noAutofit/>
          </a:bodyPr>
          <a:lstStyle>
            <a:lvl1pPr marL="0" indent="0" algn="l" defTabSz="914400" rtl="0" eaLnBrk="1" latinLnBrk="0" hangingPunct="1">
              <a:lnSpc>
                <a:spcPct val="100000"/>
              </a:lnSpc>
              <a:spcBef>
                <a:spcPts val="250"/>
              </a:spcBef>
              <a:spcAft>
                <a:spcPts val="600"/>
              </a:spcAft>
              <a:buFont typeface="Arial" panose="020B0604020202020204" pitchFamily="34" charset="0"/>
              <a:buNone/>
              <a:defRPr sz="18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8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6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4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8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6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6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200" i="1" kern="1200">
                <a:solidFill>
                  <a:schemeClr val="accent1"/>
                </a:solidFill>
                <a:latin typeface="+mn-lt"/>
                <a:ea typeface="+mn-ea"/>
                <a:cs typeface="+mn-cs"/>
              </a:defRPr>
            </a:lvl9pPr>
          </a:lstStyle>
          <a:p>
            <a:pPr lvl="7"/>
            <a:r>
              <a:rPr lang="en-US" dirty="0">
                <a:solidFill>
                  <a:srgbClr val="9EC3E1"/>
                </a:solidFill>
              </a:rPr>
              <a:t>Strategic Plan Website</a:t>
            </a:r>
          </a:p>
          <a:p>
            <a:r>
              <a:rPr lang="en-US" sz="1400" dirty="0" err="1">
                <a:solidFill>
                  <a:schemeClr val="bg1"/>
                </a:solidFill>
                <a:hlinkClick r:id="rId9">
                  <a:extLst>
                    <a:ext uri="{A12FA001-AC4F-418D-AE19-62706E023703}">
                      <ahyp:hlinkClr xmlns:ahyp="http://schemas.microsoft.com/office/drawing/2018/hyperlinkcolor" val="tx"/>
                    </a:ext>
                  </a:extLst>
                </a:hlinkClick>
              </a:rPr>
              <a:t>PennMedicine.org</a:t>
            </a:r>
            <a:r>
              <a:rPr lang="en-US" sz="1400" dirty="0">
                <a:solidFill>
                  <a:schemeClr val="bg1"/>
                </a:solidFill>
                <a:hlinkClick r:id="rId9">
                  <a:extLst>
                    <a:ext uri="{A12FA001-AC4F-418D-AE19-62706E023703}">
                      <ahyp:hlinkClr xmlns:ahyp="http://schemas.microsoft.com/office/drawing/2018/hyperlinkcolor" val="tx"/>
                    </a:ext>
                  </a:extLst>
                </a:hlinkClick>
              </a:rPr>
              <a:t>/strategic-plan-2023-2028</a:t>
            </a:r>
            <a:endParaRPr lang="en-US" sz="1400" dirty="0">
              <a:solidFill>
                <a:schemeClr val="bg1"/>
              </a:solidFill>
            </a:endParaRPr>
          </a:p>
          <a:p>
            <a:pPr lvl="7"/>
            <a:r>
              <a:rPr lang="en-US" dirty="0">
                <a:solidFill>
                  <a:srgbClr val="9EC3E1"/>
                </a:solidFill>
              </a:rPr>
              <a:t>Share questions, thoughts &amp; ideas about the Strategic Plan</a:t>
            </a:r>
          </a:p>
          <a:p>
            <a:r>
              <a:rPr lang="en-US" sz="1400" dirty="0">
                <a:solidFill>
                  <a:schemeClr val="bg1"/>
                </a:solidFill>
                <a:hlinkClick r:id="rId10">
                  <a:extLst>
                    <a:ext uri="{A12FA001-AC4F-418D-AE19-62706E023703}">
                      <ahyp:hlinkClr xmlns:ahyp="http://schemas.microsoft.com/office/drawing/2018/hyperlinkcolor" val="tx"/>
                    </a:ext>
                  </a:extLst>
                </a:hlinkClick>
              </a:rPr>
              <a:t>strategicplanning@pennmedicine.upenn.edu</a:t>
            </a:r>
            <a:endParaRPr lang="en-US" sz="1400" dirty="0">
              <a:solidFill>
                <a:schemeClr val="bg1"/>
              </a:solidFill>
            </a:endParaRPr>
          </a:p>
          <a:p>
            <a:pPr>
              <a:spcBef>
                <a:spcPts val="850"/>
              </a:spcBef>
            </a:pPr>
            <a:r>
              <a:rPr lang="en-US" sz="1600" b="1" dirty="0">
                <a:solidFill>
                  <a:srgbClr val="9EC3E1"/>
                </a:solidFill>
                <a:latin typeface="+mj-lt"/>
              </a:rPr>
              <a:t>Access Strategic Plan slides in </a:t>
            </a:r>
            <a:r>
              <a:rPr lang="en-US" sz="1600" b="1" dirty="0" err="1">
                <a:solidFill>
                  <a:srgbClr val="9EC3E1"/>
                </a:solidFill>
                <a:latin typeface="+mj-lt"/>
              </a:rPr>
              <a:t>Templafy</a:t>
            </a:r>
            <a:endParaRPr lang="en-US" sz="1600" b="1" dirty="0">
              <a:solidFill>
                <a:srgbClr val="9EC3E1"/>
              </a:solidFill>
              <a:latin typeface="+mj-lt"/>
            </a:endParaRPr>
          </a:p>
        </p:txBody>
      </p:sp>
      <p:pic>
        <p:nvPicPr>
          <p:cNvPr id="23" name="Picture 22">
            <a:extLst>
              <a:ext uri="{FF2B5EF4-FFF2-40B4-BE49-F238E27FC236}">
                <a16:creationId xmlns:a16="http://schemas.microsoft.com/office/drawing/2014/main" id="{CC05D5A8-FF79-63FB-F5A9-62F7EC7DCC6B}"/>
              </a:ext>
            </a:extLst>
          </p:cNvPr>
          <p:cNvPicPr>
            <a:picLocks noChangeAspect="1"/>
          </p:cNvPicPr>
          <p:nvPr/>
        </p:nvPicPr>
        <p:blipFill>
          <a:blip r:embed="rId11">
            <a:extLst>
              <a:ext uri="{28A0092B-C50C-407E-A947-70E740481C1C}">
                <a14:useLocalDpi xmlns:a14="http://schemas.microsoft.com/office/drawing/2010/main"/>
              </a:ext>
            </a:extLst>
          </a:blip>
          <a:srcRect/>
          <a:stretch/>
        </p:blipFill>
        <p:spPr>
          <a:xfrm>
            <a:off x="842969" y="4573075"/>
            <a:ext cx="359055" cy="359055"/>
          </a:xfrm>
          <a:prstGeom prst="rect">
            <a:avLst/>
          </a:prstGeom>
        </p:spPr>
      </p:pic>
      <p:pic>
        <p:nvPicPr>
          <p:cNvPr id="28" name="Picture 27" descr="A flyer with colorful leaves and text&#10;&#10;Description automatically generated">
            <a:extLst>
              <a:ext uri="{FF2B5EF4-FFF2-40B4-BE49-F238E27FC236}">
                <a16:creationId xmlns:a16="http://schemas.microsoft.com/office/drawing/2014/main" id="{11972165-D6EF-DBAF-9B0D-16FD79BBC770}"/>
              </a:ext>
            </a:extLst>
          </p:cNvPr>
          <p:cNvPicPr>
            <a:picLocks noChangeAspect="1"/>
          </p:cNvPicPr>
          <p:nvPr/>
        </p:nvPicPr>
        <p:blipFill>
          <a:blip r:embed="rId12">
            <a:extLst>
              <a:ext uri="{28A0092B-C50C-407E-A947-70E740481C1C}">
                <a14:useLocalDpi xmlns:a14="http://schemas.microsoft.com/office/drawing/2010/main"/>
              </a:ext>
            </a:extLst>
          </a:blip>
          <a:stretch>
            <a:fillRect/>
          </a:stretch>
        </p:blipFill>
        <p:spPr>
          <a:xfrm>
            <a:off x="7448326" y="1890309"/>
            <a:ext cx="2846739" cy="3684014"/>
          </a:xfrm>
          <a:prstGeom prst="rect">
            <a:avLst/>
          </a:prstGeom>
          <a:ln>
            <a:solidFill>
              <a:schemeClr val="accent6"/>
            </a:solidFill>
          </a:ln>
          <a:effectLst>
            <a:outerShdw blurRad="50800" dist="38100" dir="2700000" algn="tl" rotWithShape="0">
              <a:prstClr val="black">
                <a:alpha val="40000"/>
              </a:prstClr>
            </a:outerShdw>
          </a:effectLst>
        </p:spPr>
      </p:pic>
      <p:pic>
        <p:nvPicPr>
          <p:cNvPr id="30" name="Picture 29" descr="A close-up of a plant&#10;&#10;Description automatically generated">
            <a:extLst>
              <a:ext uri="{FF2B5EF4-FFF2-40B4-BE49-F238E27FC236}">
                <a16:creationId xmlns:a16="http://schemas.microsoft.com/office/drawing/2014/main" id="{4ECD7C7B-675E-19D2-8EA7-B0899E4C12CA}"/>
              </a:ext>
            </a:extLst>
          </p:cNvPr>
          <p:cNvPicPr>
            <a:picLocks noChangeAspect="1"/>
          </p:cNvPicPr>
          <p:nvPr/>
        </p:nvPicPr>
        <p:blipFill>
          <a:blip r:embed="rId13">
            <a:extLst>
              <a:ext uri="{28A0092B-C50C-407E-A947-70E740481C1C}">
                <a14:useLocalDpi xmlns:a14="http://schemas.microsoft.com/office/drawing/2010/main"/>
              </a:ext>
            </a:extLst>
          </a:blip>
          <a:stretch>
            <a:fillRect/>
          </a:stretch>
        </p:blipFill>
        <p:spPr>
          <a:xfrm rot="825162">
            <a:off x="8687031" y="2397154"/>
            <a:ext cx="2846739" cy="3684014"/>
          </a:xfrm>
          <a:prstGeom prst="rect">
            <a:avLst/>
          </a:prstGeom>
          <a:ln>
            <a:solidFill>
              <a:schemeClr val="accent6"/>
            </a:solidFill>
          </a:ln>
          <a:effectLst>
            <a:outerShdw blurRad="50800" dist="38100" dir="2700000" algn="tl"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304108986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69A8A0F0-973D-DF40-893B-7E79CDC675B4}"/>
              </a:ext>
            </a:extLst>
          </p:cNvPr>
          <p:cNvSpPr>
            <a:spLocks noGrp="1"/>
          </p:cNvSpPr>
          <p:nvPr>
            <p:ph type="dt" sz="half" idx="10"/>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5D66B542-D23D-1043-803B-E6996006F900}" type="datetime4">
              <a:rPr lang="en-US" smtClean="0"/>
              <a:t>September 8, 2023</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12"/>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5</a:t>
            </a:fld>
            <a:endParaRPr lang="en-GB" dirty="0"/>
          </a:p>
        </p:txBody>
      </p:sp>
      <p:sp>
        <p:nvSpPr>
          <p:cNvPr id="5" name="Text Placeholder 4">
            <a:extLst>
              <a:ext uri="{FF2B5EF4-FFF2-40B4-BE49-F238E27FC236}">
                <a16:creationId xmlns:a16="http://schemas.microsoft.com/office/drawing/2014/main" id="{7DC00F76-A9D2-234B-AF7A-A63A510089B9}"/>
              </a:ext>
            </a:extLst>
          </p:cNvPr>
          <p:cNvSpPr>
            <a:spLocks noGrp="1"/>
          </p:cNvSpPr>
          <p:nvPr>
            <p:ph type="body" sz="quarter" idx="24"/>
          </p:nvPr>
        </p:nvSpPr>
        <p:spPr/>
        <p:txBody>
          <a:bodyPr>
            <a:normAutofit fontScale="40000" lnSpcReduction="20000"/>
          </a:bodyPr>
          <a:lstStyle/>
          <a:p>
            <a:endParaRPr lang="en-US"/>
          </a:p>
        </p:txBody>
      </p:sp>
    </p:spTree>
    <p:custDataLst>
      <p:custData r:id="rId1"/>
      <p:custData r:id="rId2"/>
    </p:custDataLst>
    <p:extLst>
      <p:ext uri="{BB962C8B-B14F-4D97-AF65-F5344CB8AC3E}">
        <p14:creationId xmlns:p14="http://schemas.microsoft.com/office/powerpoint/2010/main" val="13457302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22" name="Picture 221">
            <a:extLst>
              <a:ext uri="{FF2B5EF4-FFF2-40B4-BE49-F238E27FC236}">
                <a16:creationId xmlns:a16="http://schemas.microsoft.com/office/drawing/2014/main" id="{734C789B-1092-1DDA-F065-3D3BABC54DE2}"/>
              </a:ext>
            </a:extLst>
          </p:cNvPr>
          <p:cNvPicPr>
            <a:picLocks noChangeAspect="1"/>
          </p:cNvPicPr>
          <p:nvPr/>
        </p:nvPicPr>
        <p:blipFill>
          <a:blip r:embed="rId2">
            <a:extLst>
              <a:ext uri="{28A0092B-C50C-407E-A947-70E740481C1C}">
                <a14:useLocalDpi xmlns:a14="http://schemas.microsoft.com/office/drawing/2010/main"/>
              </a:ext>
            </a:extLst>
          </a:blip>
          <a:srcRect/>
          <a:stretch/>
        </p:blipFill>
        <p:spPr>
          <a:xfrm>
            <a:off x="0" y="0"/>
            <a:ext cx="12192000" cy="6858000"/>
          </a:xfrm>
          <a:prstGeom prst="rect">
            <a:avLst/>
          </a:prstGeom>
        </p:spPr>
      </p:pic>
      <p:sp>
        <p:nvSpPr>
          <p:cNvPr id="2" name="Date Placeholder 1">
            <a:extLst>
              <a:ext uri="{FF2B5EF4-FFF2-40B4-BE49-F238E27FC236}">
                <a16:creationId xmlns:a16="http://schemas.microsoft.com/office/drawing/2014/main" id="{C7290063-580F-FA87-5591-FF3AC2720339}"/>
              </a:ext>
            </a:extLst>
          </p:cNvPr>
          <p:cNvSpPr>
            <a:spLocks noGrp="1"/>
          </p:cNvSpPr>
          <p:nvPr>
            <p:ph type="dt" sz="half" idx="10"/>
          </p:nvPr>
        </p:nvSpPr>
        <p:spPr>
          <a:xfrm>
            <a:off x="1115138" y="6439469"/>
            <a:ext cx="2743200" cy="180000"/>
          </a:xfrm>
        </p:spPr>
        <p:txBody>
          <a:bodyPr/>
          <a:lstStyle/>
          <a:p>
            <a:fld id="{6B761CCD-5C71-7A4A-8F5D-6B26D9394AB4}" type="datetime4">
              <a:rPr lang="en-US" noProof="0" smtClean="0"/>
              <a:pPr/>
              <a:t>September 8, 2023</a:t>
            </a:fld>
            <a:endParaRPr lang="en-US" noProof="0"/>
          </a:p>
        </p:txBody>
      </p:sp>
      <p:sp>
        <p:nvSpPr>
          <p:cNvPr id="3" name="Slide Number Placeholder 2">
            <a:extLst>
              <a:ext uri="{FF2B5EF4-FFF2-40B4-BE49-F238E27FC236}">
                <a16:creationId xmlns:a16="http://schemas.microsoft.com/office/drawing/2014/main" id="{11214882-05BB-2512-E428-F83A73AE7E35}"/>
              </a:ext>
            </a:extLst>
          </p:cNvPr>
          <p:cNvSpPr>
            <a:spLocks noGrp="1"/>
          </p:cNvSpPr>
          <p:nvPr>
            <p:ph type="sldNum" sz="quarter" idx="11"/>
          </p:nvPr>
        </p:nvSpPr>
        <p:spPr>
          <a:xfrm>
            <a:off x="719138" y="6439469"/>
            <a:ext cx="396000" cy="180000"/>
          </a:xfrm>
        </p:spPr>
        <p:txBody>
          <a:bodyPr/>
          <a:lstStyle/>
          <a:p>
            <a:fld id="{2DDEA8E7-5F55-4A60-8EF9-470692FC5635}" type="slidenum">
              <a:rPr lang="en-US" noProof="0" smtClean="0"/>
              <a:pPr/>
              <a:t>2</a:t>
            </a:fld>
            <a:endParaRPr lang="en-US" noProof="0"/>
          </a:p>
        </p:txBody>
      </p:sp>
      <p:sp>
        <p:nvSpPr>
          <p:cNvPr id="220" name="Text Placeholder 219">
            <a:extLst>
              <a:ext uri="{FF2B5EF4-FFF2-40B4-BE49-F238E27FC236}">
                <a16:creationId xmlns:a16="http://schemas.microsoft.com/office/drawing/2014/main" id="{4E34E62D-A6AA-F9F6-3F0B-852A6F4ADFE6}"/>
              </a:ext>
            </a:extLst>
          </p:cNvPr>
          <p:cNvSpPr>
            <a:spLocks noGrp="1"/>
          </p:cNvSpPr>
          <p:nvPr>
            <p:ph type="body" sz="quarter" idx="12"/>
          </p:nvPr>
        </p:nvSpPr>
        <p:spPr/>
        <p:txBody>
          <a:bodyPr/>
          <a:lstStyle/>
          <a:p>
            <a:r>
              <a:rPr lang="en-US" dirty="0">
                <a:solidFill>
                  <a:srgbClr val="9EC3E1"/>
                </a:solidFill>
              </a:rPr>
              <a:t>Penn medicine’s strategic plan 2023-2028</a:t>
            </a:r>
          </a:p>
        </p:txBody>
      </p:sp>
      <p:sp>
        <p:nvSpPr>
          <p:cNvPr id="5" name="Content Placeholder 4">
            <a:extLst>
              <a:ext uri="{FF2B5EF4-FFF2-40B4-BE49-F238E27FC236}">
                <a16:creationId xmlns:a16="http://schemas.microsoft.com/office/drawing/2014/main" id="{D2EBA7EB-196E-73B2-6F56-6CED17C6742A}"/>
              </a:ext>
            </a:extLst>
          </p:cNvPr>
          <p:cNvSpPr>
            <a:spLocks noGrp="1"/>
          </p:cNvSpPr>
          <p:nvPr>
            <p:ph sz="quarter" idx="13"/>
          </p:nvPr>
        </p:nvSpPr>
        <p:spPr>
          <a:xfrm>
            <a:off x="719138" y="1989176"/>
            <a:ext cx="7961002" cy="1406892"/>
          </a:xfrm>
        </p:spPr>
        <p:txBody>
          <a:bodyPr/>
          <a:lstStyle/>
          <a:p>
            <a:r>
              <a:rPr lang="en-US" dirty="0">
                <a:solidFill>
                  <a:schemeClr val="bg1"/>
                </a:solidFill>
              </a:rPr>
              <a:t>Serving a Changing World—Penn Medicine’s Strategic Plan—is the roadmap that will guide our individual and collective leadership and decision-making over the next five years as we live our mission to improve the health and well-being of people in our neighborhoods, region and the world.</a:t>
            </a:r>
          </a:p>
        </p:txBody>
      </p:sp>
      <p:sp>
        <p:nvSpPr>
          <p:cNvPr id="219" name="Title 218">
            <a:extLst>
              <a:ext uri="{FF2B5EF4-FFF2-40B4-BE49-F238E27FC236}">
                <a16:creationId xmlns:a16="http://schemas.microsoft.com/office/drawing/2014/main" id="{9AB574DD-80B3-0EC5-E37C-4EBCD180CAF0}"/>
              </a:ext>
            </a:extLst>
          </p:cNvPr>
          <p:cNvSpPr>
            <a:spLocks noGrp="1"/>
          </p:cNvSpPr>
          <p:nvPr>
            <p:ph type="title"/>
          </p:nvPr>
        </p:nvSpPr>
        <p:spPr/>
        <p:txBody>
          <a:bodyPr/>
          <a:lstStyle/>
          <a:p>
            <a:r>
              <a:rPr lang="en-US" dirty="0">
                <a:solidFill>
                  <a:schemeClr val="bg1"/>
                </a:solidFill>
              </a:rPr>
              <a:t>Serving a Changing World</a:t>
            </a:r>
          </a:p>
        </p:txBody>
      </p:sp>
      <p:grpSp>
        <p:nvGrpSpPr>
          <p:cNvPr id="8" name="Group 7">
            <a:extLst>
              <a:ext uri="{FF2B5EF4-FFF2-40B4-BE49-F238E27FC236}">
                <a16:creationId xmlns:a16="http://schemas.microsoft.com/office/drawing/2014/main" id="{9B507C64-F194-0D00-1A8A-A48C2F15E6D5}"/>
              </a:ext>
            </a:extLst>
          </p:cNvPr>
          <p:cNvGrpSpPr/>
          <p:nvPr/>
        </p:nvGrpSpPr>
        <p:grpSpPr>
          <a:xfrm>
            <a:off x="8855470" y="4045867"/>
            <a:ext cx="2382125" cy="1995735"/>
            <a:chOff x="2630108" y="3375620"/>
            <a:chExt cx="2639398" cy="2211277"/>
          </a:xfrm>
        </p:grpSpPr>
        <p:sp>
          <p:nvSpPr>
            <p:cNvPr id="9" name="Freeform 8">
              <a:extLst>
                <a:ext uri="{FF2B5EF4-FFF2-40B4-BE49-F238E27FC236}">
                  <a16:creationId xmlns:a16="http://schemas.microsoft.com/office/drawing/2014/main" id="{5FDC52E1-FB6D-DB69-EF7B-A4DB2A1CEDF3}"/>
                </a:ext>
              </a:extLst>
            </p:cNvPr>
            <p:cNvSpPr/>
            <p:nvPr/>
          </p:nvSpPr>
          <p:spPr>
            <a:xfrm>
              <a:off x="2630298" y="3375620"/>
              <a:ext cx="2639208" cy="2210943"/>
            </a:xfrm>
            <a:custGeom>
              <a:avLst/>
              <a:gdLst>
                <a:gd name="connsiteX0" fmla="*/ 0 w 2639208"/>
                <a:gd name="connsiteY0" fmla="*/ 0 h 2210943"/>
                <a:gd name="connsiteX1" fmla="*/ 2639208 w 2639208"/>
                <a:gd name="connsiteY1" fmla="*/ 0 h 2210943"/>
                <a:gd name="connsiteX2" fmla="*/ 2639208 w 2639208"/>
                <a:gd name="connsiteY2" fmla="*/ 2210943 h 2210943"/>
                <a:gd name="connsiteX3" fmla="*/ 0 w 2639208"/>
                <a:gd name="connsiteY3" fmla="*/ 2210943 h 2210943"/>
              </a:gdLst>
              <a:ahLst/>
              <a:cxnLst>
                <a:cxn ang="0">
                  <a:pos x="connsiteX0" y="connsiteY0"/>
                </a:cxn>
                <a:cxn ang="0">
                  <a:pos x="connsiteX1" y="connsiteY1"/>
                </a:cxn>
                <a:cxn ang="0">
                  <a:pos x="connsiteX2" y="connsiteY2"/>
                </a:cxn>
                <a:cxn ang="0">
                  <a:pos x="connsiteX3" y="connsiteY3"/>
                </a:cxn>
              </a:cxnLst>
              <a:rect l="l" t="t" r="r" b="b"/>
              <a:pathLst>
                <a:path w="2639208" h="2210943">
                  <a:moveTo>
                    <a:pt x="0" y="0"/>
                  </a:moveTo>
                  <a:lnTo>
                    <a:pt x="2639208" y="0"/>
                  </a:lnTo>
                  <a:lnTo>
                    <a:pt x="2639208" y="2210943"/>
                  </a:lnTo>
                  <a:lnTo>
                    <a:pt x="0" y="2210943"/>
                  </a:lnTo>
                  <a:close/>
                </a:path>
              </a:pathLst>
            </a:custGeom>
            <a:noFill/>
            <a:ln w="9492" cap="flat">
              <a:noFill/>
              <a:prstDash val="solid"/>
              <a:miter/>
            </a:ln>
          </p:spPr>
          <p:txBody>
            <a:bodyPr rtlCol="0" anchor="ctr"/>
            <a:lstStyle/>
            <a:p>
              <a:endParaRPr lang="en-US"/>
            </a:p>
          </p:txBody>
        </p:sp>
        <p:sp>
          <p:nvSpPr>
            <p:cNvPr id="10" name="Freeform 9">
              <a:extLst>
                <a:ext uri="{FF2B5EF4-FFF2-40B4-BE49-F238E27FC236}">
                  <a16:creationId xmlns:a16="http://schemas.microsoft.com/office/drawing/2014/main" id="{14DFCCAE-C91C-A6A0-61CB-8595CFAF13E1}"/>
                </a:ext>
              </a:extLst>
            </p:cNvPr>
            <p:cNvSpPr/>
            <p:nvPr/>
          </p:nvSpPr>
          <p:spPr>
            <a:xfrm>
              <a:off x="2630298" y="3375620"/>
              <a:ext cx="2639208" cy="2210943"/>
            </a:xfrm>
            <a:custGeom>
              <a:avLst/>
              <a:gdLst>
                <a:gd name="connsiteX0" fmla="*/ 0 w 2639208"/>
                <a:gd name="connsiteY0" fmla="*/ 0 h 2210943"/>
                <a:gd name="connsiteX1" fmla="*/ 2639208 w 2639208"/>
                <a:gd name="connsiteY1" fmla="*/ 0 h 2210943"/>
                <a:gd name="connsiteX2" fmla="*/ 2639208 w 2639208"/>
                <a:gd name="connsiteY2" fmla="*/ 2210943 h 2210943"/>
                <a:gd name="connsiteX3" fmla="*/ 0 w 2639208"/>
                <a:gd name="connsiteY3" fmla="*/ 2210943 h 2210943"/>
              </a:gdLst>
              <a:ahLst/>
              <a:cxnLst>
                <a:cxn ang="0">
                  <a:pos x="connsiteX0" y="connsiteY0"/>
                </a:cxn>
                <a:cxn ang="0">
                  <a:pos x="connsiteX1" y="connsiteY1"/>
                </a:cxn>
                <a:cxn ang="0">
                  <a:pos x="connsiteX2" y="connsiteY2"/>
                </a:cxn>
                <a:cxn ang="0">
                  <a:pos x="connsiteX3" y="connsiteY3"/>
                </a:cxn>
              </a:cxnLst>
              <a:rect l="l" t="t" r="r" b="b"/>
              <a:pathLst>
                <a:path w="2639208" h="2210943">
                  <a:moveTo>
                    <a:pt x="0" y="0"/>
                  </a:moveTo>
                  <a:lnTo>
                    <a:pt x="2639208" y="0"/>
                  </a:lnTo>
                  <a:lnTo>
                    <a:pt x="2639208" y="2210943"/>
                  </a:lnTo>
                  <a:lnTo>
                    <a:pt x="0" y="2210943"/>
                  </a:lnTo>
                  <a:close/>
                </a:path>
              </a:pathLst>
            </a:custGeom>
            <a:noFill/>
            <a:ln w="9492" cap="flat">
              <a:noFill/>
              <a:prstDash val="solid"/>
              <a:miter/>
            </a:ln>
          </p:spPr>
          <p:txBody>
            <a:bodyPr rtlCol="0" anchor="ctr"/>
            <a:lstStyle/>
            <a:p>
              <a:endParaRPr lang="en-US"/>
            </a:p>
          </p:txBody>
        </p:sp>
        <p:sp>
          <p:nvSpPr>
            <p:cNvPr id="11" name="Freeform 10">
              <a:extLst>
                <a:ext uri="{FF2B5EF4-FFF2-40B4-BE49-F238E27FC236}">
                  <a16:creationId xmlns:a16="http://schemas.microsoft.com/office/drawing/2014/main" id="{5A9E356F-2A6A-DA41-22EF-D6DF2D93A89C}"/>
                </a:ext>
              </a:extLst>
            </p:cNvPr>
            <p:cNvSpPr/>
            <p:nvPr/>
          </p:nvSpPr>
          <p:spPr>
            <a:xfrm>
              <a:off x="2630298" y="3375620"/>
              <a:ext cx="2639208" cy="2210943"/>
            </a:xfrm>
            <a:custGeom>
              <a:avLst/>
              <a:gdLst>
                <a:gd name="connsiteX0" fmla="*/ 0 w 2639208"/>
                <a:gd name="connsiteY0" fmla="*/ 0 h 2210943"/>
                <a:gd name="connsiteX1" fmla="*/ 2639208 w 2639208"/>
                <a:gd name="connsiteY1" fmla="*/ 0 h 2210943"/>
                <a:gd name="connsiteX2" fmla="*/ 2639208 w 2639208"/>
                <a:gd name="connsiteY2" fmla="*/ 2210943 h 2210943"/>
                <a:gd name="connsiteX3" fmla="*/ 0 w 2639208"/>
                <a:gd name="connsiteY3" fmla="*/ 2210943 h 2210943"/>
              </a:gdLst>
              <a:ahLst/>
              <a:cxnLst>
                <a:cxn ang="0">
                  <a:pos x="connsiteX0" y="connsiteY0"/>
                </a:cxn>
                <a:cxn ang="0">
                  <a:pos x="connsiteX1" y="connsiteY1"/>
                </a:cxn>
                <a:cxn ang="0">
                  <a:pos x="connsiteX2" y="connsiteY2"/>
                </a:cxn>
                <a:cxn ang="0">
                  <a:pos x="connsiteX3" y="connsiteY3"/>
                </a:cxn>
              </a:cxnLst>
              <a:rect l="l" t="t" r="r" b="b"/>
              <a:pathLst>
                <a:path w="2639208" h="2210943">
                  <a:moveTo>
                    <a:pt x="0" y="0"/>
                  </a:moveTo>
                  <a:lnTo>
                    <a:pt x="2639208" y="0"/>
                  </a:lnTo>
                  <a:lnTo>
                    <a:pt x="2639208" y="2210943"/>
                  </a:lnTo>
                  <a:lnTo>
                    <a:pt x="0" y="2210943"/>
                  </a:lnTo>
                  <a:close/>
                </a:path>
              </a:pathLst>
            </a:custGeom>
            <a:noFill/>
            <a:ln w="9492" cap="flat">
              <a:noFill/>
              <a:prstDash val="solid"/>
              <a:miter/>
            </a:ln>
          </p:spPr>
          <p:txBody>
            <a:bodyPr rtlCol="0" anchor="ctr"/>
            <a:lstStyle/>
            <a:p>
              <a:endParaRPr lang="en-US"/>
            </a:p>
          </p:txBody>
        </p:sp>
        <p:sp>
          <p:nvSpPr>
            <p:cNvPr id="12" name="Freeform 11">
              <a:extLst>
                <a:ext uri="{FF2B5EF4-FFF2-40B4-BE49-F238E27FC236}">
                  <a16:creationId xmlns:a16="http://schemas.microsoft.com/office/drawing/2014/main" id="{CE70E4D8-A9BD-8098-1127-0DCA62208457}"/>
                </a:ext>
              </a:extLst>
            </p:cNvPr>
            <p:cNvSpPr/>
            <p:nvPr/>
          </p:nvSpPr>
          <p:spPr>
            <a:xfrm>
              <a:off x="2630298" y="3375620"/>
              <a:ext cx="2639208" cy="2210943"/>
            </a:xfrm>
            <a:custGeom>
              <a:avLst/>
              <a:gdLst>
                <a:gd name="connsiteX0" fmla="*/ 0 w 2639208"/>
                <a:gd name="connsiteY0" fmla="*/ 0 h 2210943"/>
                <a:gd name="connsiteX1" fmla="*/ 2639208 w 2639208"/>
                <a:gd name="connsiteY1" fmla="*/ 0 h 2210943"/>
                <a:gd name="connsiteX2" fmla="*/ 2639208 w 2639208"/>
                <a:gd name="connsiteY2" fmla="*/ 2210943 h 2210943"/>
                <a:gd name="connsiteX3" fmla="*/ 0 w 2639208"/>
                <a:gd name="connsiteY3" fmla="*/ 2210943 h 2210943"/>
              </a:gdLst>
              <a:ahLst/>
              <a:cxnLst>
                <a:cxn ang="0">
                  <a:pos x="connsiteX0" y="connsiteY0"/>
                </a:cxn>
                <a:cxn ang="0">
                  <a:pos x="connsiteX1" y="connsiteY1"/>
                </a:cxn>
                <a:cxn ang="0">
                  <a:pos x="connsiteX2" y="connsiteY2"/>
                </a:cxn>
                <a:cxn ang="0">
                  <a:pos x="connsiteX3" y="connsiteY3"/>
                </a:cxn>
              </a:cxnLst>
              <a:rect l="l" t="t" r="r" b="b"/>
              <a:pathLst>
                <a:path w="2639208" h="2210943">
                  <a:moveTo>
                    <a:pt x="0" y="0"/>
                  </a:moveTo>
                  <a:lnTo>
                    <a:pt x="2639208" y="0"/>
                  </a:lnTo>
                  <a:lnTo>
                    <a:pt x="2639208" y="2210943"/>
                  </a:lnTo>
                  <a:lnTo>
                    <a:pt x="0" y="2210943"/>
                  </a:lnTo>
                  <a:close/>
                </a:path>
              </a:pathLst>
            </a:custGeom>
            <a:noFill/>
            <a:ln w="9492" cap="flat">
              <a:noFill/>
              <a:prstDash val="solid"/>
              <a:miter/>
            </a:ln>
          </p:spPr>
          <p:txBody>
            <a:bodyPr rtlCol="0" anchor="ctr"/>
            <a:lstStyle/>
            <a:p>
              <a:endParaRPr lang="en-US"/>
            </a:p>
          </p:txBody>
        </p:sp>
        <p:sp>
          <p:nvSpPr>
            <p:cNvPr id="13" name="Freeform 12">
              <a:extLst>
                <a:ext uri="{FF2B5EF4-FFF2-40B4-BE49-F238E27FC236}">
                  <a16:creationId xmlns:a16="http://schemas.microsoft.com/office/drawing/2014/main" id="{FB9DE0D0-0D94-715E-DE9D-CB24BE75E133}"/>
                </a:ext>
              </a:extLst>
            </p:cNvPr>
            <p:cNvSpPr/>
            <p:nvPr/>
          </p:nvSpPr>
          <p:spPr>
            <a:xfrm>
              <a:off x="2630298" y="3375620"/>
              <a:ext cx="2639208" cy="2210943"/>
            </a:xfrm>
            <a:custGeom>
              <a:avLst/>
              <a:gdLst>
                <a:gd name="connsiteX0" fmla="*/ 0 w 2639208"/>
                <a:gd name="connsiteY0" fmla="*/ 0 h 2210943"/>
                <a:gd name="connsiteX1" fmla="*/ 2639208 w 2639208"/>
                <a:gd name="connsiteY1" fmla="*/ 0 h 2210943"/>
                <a:gd name="connsiteX2" fmla="*/ 2639208 w 2639208"/>
                <a:gd name="connsiteY2" fmla="*/ 2210943 h 2210943"/>
                <a:gd name="connsiteX3" fmla="*/ 0 w 2639208"/>
                <a:gd name="connsiteY3" fmla="*/ 2210943 h 2210943"/>
              </a:gdLst>
              <a:ahLst/>
              <a:cxnLst>
                <a:cxn ang="0">
                  <a:pos x="connsiteX0" y="connsiteY0"/>
                </a:cxn>
                <a:cxn ang="0">
                  <a:pos x="connsiteX1" y="connsiteY1"/>
                </a:cxn>
                <a:cxn ang="0">
                  <a:pos x="connsiteX2" y="connsiteY2"/>
                </a:cxn>
                <a:cxn ang="0">
                  <a:pos x="connsiteX3" y="connsiteY3"/>
                </a:cxn>
              </a:cxnLst>
              <a:rect l="l" t="t" r="r" b="b"/>
              <a:pathLst>
                <a:path w="2639208" h="2210943">
                  <a:moveTo>
                    <a:pt x="0" y="0"/>
                  </a:moveTo>
                  <a:lnTo>
                    <a:pt x="2639208" y="0"/>
                  </a:lnTo>
                  <a:lnTo>
                    <a:pt x="2639208" y="2210943"/>
                  </a:lnTo>
                  <a:lnTo>
                    <a:pt x="0" y="2210943"/>
                  </a:lnTo>
                  <a:close/>
                </a:path>
              </a:pathLst>
            </a:custGeom>
            <a:noFill/>
            <a:ln w="9492" cap="flat">
              <a:noFill/>
              <a:prstDash val="solid"/>
              <a:miter/>
            </a:ln>
          </p:spPr>
          <p:txBody>
            <a:bodyPr rtlCol="0" anchor="ctr"/>
            <a:lstStyle/>
            <a:p>
              <a:endParaRPr lang="en-US"/>
            </a:p>
          </p:txBody>
        </p:sp>
        <p:grpSp>
          <p:nvGrpSpPr>
            <p:cNvPr id="14" name="Graphic 12">
              <a:extLst>
                <a:ext uri="{FF2B5EF4-FFF2-40B4-BE49-F238E27FC236}">
                  <a16:creationId xmlns:a16="http://schemas.microsoft.com/office/drawing/2014/main" id="{E9C057EE-83AF-D19C-8B6F-CD668D599CF0}"/>
                </a:ext>
              </a:extLst>
            </p:cNvPr>
            <p:cNvGrpSpPr/>
            <p:nvPr/>
          </p:nvGrpSpPr>
          <p:grpSpPr>
            <a:xfrm>
              <a:off x="3059859" y="3601172"/>
              <a:ext cx="1830605" cy="1091565"/>
              <a:chOff x="3059859" y="3601172"/>
              <a:chExt cx="1830605" cy="1091565"/>
            </a:xfrm>
            <a:solidFill>
              <a:srgbClr val="BCBEC0"/>
            </a:solidFill>
          </p:grpSpPr>
          <p:sp>
            <p:nvSpPr>
              <p:cNvPr id="96" name="Freeform 95">
                <a:extLst>
                  <a:ext uri="{FF2B5EF4-FFF2-40B4-BE49-F238E27FC236}">
                    <a16:creationId xmlns:a16="http://schemas.microsoft.com/office/drawing/2014/main" id="{50D64780-36CC-39DC-F436-9FA80D046A04}"/>
                  </a:ext>
                </a:extLst>
              </p:cNvPr>
              <p:cNvSpPr/>
              <p:nvPr/>
            </p:nvSpPr>
            <p:spPr>
              <a:xfrm>
                <a:off x="3059859" y="4160744"/>
                <a:ext cx="199605" cy="92012"/>
              </a:xfrm>
              <a:custGeom>
                <a:avLst/>
                <a:gdLst>
                  <a:gd name="connsiteX0" fmla="*/ 199606 w 199605"/>
                  <a:gd name="connsiteY0" fmla="*/ 13357 h 92012"/>
                  <a:gd name="connsiteX1" fmla="*/ 0 w 199605"/>
                  <a:gd name="connsiteY1" fmla="*/ 78032 h 92012"/>
                  <a:gd name="connsiteX2" fmla="*/ 199606 w 199605"/>
                  <a:gd name="connsiteY2" fmla="*/ 13357 h 92012"/>
                </a:gdLst>
                <a:ahLst/>
                <a:cxnLst>
                  <a:cxn ang="0">
                    <a:pos x="connsiteX0" y="connsiteY0"/>
                  </a:cxn>
                  <a:cxn ang="0">
                    <a:pos x="connsiteX1" y="connsiteY1"/>
                  </a:cxn>
                  <a:cxn ang="0">
                    <a:pos x="connsiteX2" y="connsiteY2"/>
                  </a:cxn>
                </a:cxnLst>
                <a:rect l="l" t="t" r="r" b="b"/>
                <a:pathLst>
                  <a:path w="199605" h="92012">
                    <a:moveTo>
                      <a:pt x="199606" y="13357"/>
                    </a:moveTo>
                    <a:cubicBezTo>
                      <a:pt x="199606" y="13357"/>
                      <a:pt x="70024" y="-43698"/>
                      <a:pt x="0" y="78032"/>
                    </a:cubicBezTo>
                    <a:cubicBezTo>
                      <a:pt x="0" y="78032"/>
                      <a:pt x="129962" y="136801"/>
                      <a:pt x="199606" y="13357"/>
                    </a:cubicBezTo>
                    <a:close/>
                  </a:path>
                </a:pathLst>
              </a:custGeom>
              <a:solidFill>
                <a:srgbClr val="BCBEC0"/>
              </a:solidFill>
              <a:ln w="9492" cap="flat">
                <a:noFill/>
                <a:prstDash val="solid"/>
                <a:miter/>
              </a:ln>
            </p:spPr>
            <p:txBody>
              <a:bodyPr rtlCol="0" anchor="ctr"/>
              <a:lstStyle/>
              <a:p>
                <a:endParaRPr lang="en-US"/>
              </a:p>
            </p:txBody>
          </p:sp>
          <p:sp>
            <p:nvSpPr>
              <p:cNvPr id="97" name="Freeform 96">
                <a:extLst>
                  <a:ext uri="{FF2B5EF4-FFF2-40B4-BE49-F238E27FC236}">
                    <a16:creationId xmlns:a16="http://schemas.microsoft.com/office/drawing/2014/main" id="{EA4815A1-6EBC-F669-55A3-52A1F7320605}"/>
                  </a:ext>
                </a:extLst>
              </p:cNvPr>
              <p:cNvSpPr/>
              <p:nvPr/>
            </p:nvSpPr>
            <p:spPr>
              <a:xfrm>
                <a:off x="3263118" y="4182197"/>
                <a:ext cx="54672" cy="130016"/>
              </a:xfrm>
              <a:custGeom>
                <a:avLst/>
                <a:gdLst>
                  <a:gd name="connsiteX0" fmla="*/ 40397 w 54672"/>
                  <a:gd name="connsiteY0" fmla="*/ 130016 h 130016"/>
                  <a:gd name="connsiteX1" fmla="*/ 14709 w 54672"/>
                  <a:gd name="connsiteY1" fmla="*/ 0 h 130016"/>
                  <a:gd name="connsiteX2" fmla="*/ 40397 w 54672"/>
                  <a:gd name="connsiteY2" fmla="*/ 130016 h 130016"/>
                </a:gdLst>
                <a:ahLst/>
                <a:cxnLst>
                  <a:cxn ang="0">
                    <a:pos x="connsiteX0" y="connsiteY0"/>
                  </a:cxn>
                  <a:cxn ang="0">
                    <a:pos x="connsiteX1" y="connsiteY1"/>
                  </a:cxn>
                  <a:cxn ang="0">
                    <a:pos x="connsiteX2" y="connsiteY2"/>
                  </a:cxn>
                </a:cxnLst>
                <a:rect l="l" t="t" r="r" b="b"/>
                <a:pathLst>
                  <a:path w="54672" h="130016">
                    <a:moveTo>
                      <a:pt x="40397" y="130016"/>
                    </a:moveTo>
                    <a:cubicBezTo>
                      <a:pt x="40397" y="130016"/>
                      <a:pt x="85779" y="53054"/>
                      <a:pt x="14709" y="0"/>
                    </a:cubicBezTo>
                    <a:cubicBezTo>
                      <a:pt x="14709" y="0"/>
                      <a:pt x="-31720" y="77152"/>
                      <a:pt x="40397" y="130016"/>
                    </a:cubicBezTo>
                    <a:close/>
                  </a:path>
                </a:pathLst>
              </a:custGeom>
              <a:solidFill>
                <a:srgbClr val="BCBEC0"/>
              </a:solidFill>
              <a:ln w="9492" cap="flat">
                <a:noFill/>
                <a:prstDash val="solid"/>
                <a:miter/>
              </a:ln>
            </p:spPr>
            <p:txBody>
              <a:bodyPr rtlCol="0" anchor="ctr"/>
              <a:lstStyle/>
              <a:p>
                <a:endParaRPr lang="en-US"/>
              </a:p>
            </p:txBody>
          </p:sp>
          <p:sp>
            <p:nvSpPr>
              <p:cNvPr id="98" name="Freeform 97">
                <a:extLst>
                  <a:ext uri="{FF2B5EF4-FFF2-40B4-BE49-F238E27FC236}">
                    <a16:creationId xmlns:a16="http://schemas.microsoft.com/office/drawing/2014/main" id="{2D34BD1E-72C7-6C76-3A5D-D839F594F62E}"/>
                  </a:ext>
                </a:extLst>
              </p:cNvPr>
              <p:cNvSpPr/>
              <p:nvPr/>
            </p:nvSpPr>
            <p:spPr>
              <a:xfrm>
                <a:off x="3467157" y="3737992"/>
                <a:ext cx="205599" cy="89937"/>
              </a:xfrm>
              <a:custGeom>
                <a:avLst/>
                <a:gdLst>
                  <a:gd name="connsiteX0" fmla="*/ 205599 w 205599"/>
                  <a:gd name="connsiteY0" fmla="*/ 65492 h 89937"/>
                  <a:gd name="connsiteX1" fmla="*/ 0 w 205599"/>
                  <a:gd name="connsiteY1" fmla="*/ 23772 h 89937"/>
                  <a:gd name="connsiteX2" fmla="*/ 205599 w 205599"/>
                  <a:gd name="connsiteY2" fmla="*/ 65492 h 89937"/>
                </a:gdLst>
                <a:ahLst/>
                <a:cxnLst>
                  <a:cxn ang="0">
                    <a:pos x="connsiteX0" y="connsiteY0"/>
                  </a:cxn>
                  <a:cxn ang="0">
                    <a:pos x="connsiteX1" y="connsiteY1"/>
                  </a:cxn>
                  <a:cxn ang="0">
                    <a:pos x="connsiteX2" y="connsiteY2"/>
                  </a:cxn>
                </a:cxnLst>
                <a:rect l="l" t="t" r="r" b="b"/>
                <a:pathLst>
                  <a:path w="205599" h="89937">
                    <a:moveTo>
                      <a:pt x="205599" y="65492"/>
                    </a:moveTo>
                    <a:cubicBezTo>
                      <a:pt x="205599" y="65492"/>
                      <a:pt x="120734" y="-47951"/>
                      <a:pt x="0" y="23772"/>
                    </a:cubicBezTo>
                    <a:cubicBezTo>
                      <a:pt x="0" y="23772"/>
                      <a:pt x="84390" y="138834"/>
                      <a:pt x="205599" y="65492"/>
                    </a:cubicBezTo>
                    <a:close/>
                  </a:path>
                </a:pathLst>
              </a:custGeom>
              <a:solidFill>
                <a:srgbClr val="BCBEC0"/>
              </a:solidFill>
              <a:ln w="9492" cap="flat">
                <a:noFill/>
                <a:prstDash val="solid"/>
                <a:miter/>
              </a:ln>
            </p:spPr>
            <p:txBody>
              <a:bodyPr rtlCol="0" anchor="ctr"/>
              <a:lstStyle/>
              <a:p>
                <a:endParaRPr lang="en-US"/>
              </a:p>
            </p:txBody>
          </p:sp>
          <p:sp>
            <p:nvSpPr>
              <p:cNvPr id="99" name="Freeform 98">
                <a:extLst>
                  <a:ext uri="{FF2B5EF4-FFF2-40B4-BE49-F238E27FC236}">
                    <a16:creationId xmlns:a16="http://schemas.microsoft.com/office/drawing/2014/main" id="{D91B69F8-883D-F088-9863-327DE50F939A}"/>
                  </a:ext>
                </a:extLst>
              </p:cNvPr>
              <p:cNvSpPr/>
              <p:nvPr/>
            </p:nvSpPr>
            <p:spPr>
              <a:xfrm>
                <a:off x="4726823" y="4465116"/>
                <a:ext cx="107318" cy="52239"/>
              </a:xfrm>
              <a:custGeom>
                <a:avLst/>
                <a:gdLst>
                  <a:gd name="connsiteX0" fmla="*/ 107319 w 107318"/>
                  <a:gd name="connsiteY0" fmla="*/ 5498 h 52239"/>
                  <a:gd name="connsiteX1" fmla="*/ 0 w 107318"/>
                  <a:gd name="connsiteY1" fmla="*/ 46456 h 52239"/>
                  <a:gd name="connsiteX2" fmla="*/ 107319 w 107318"/>
                  <a:gd name="connsiteY2" fmla="*/ 5498 h 52239"/>
                </a:gdLst>
                <a:ahLst/>
                <a:cxnLst>
                  <a:cxn ang="0">
                    <a:pos x="connsiteX0" y="connsiteY0"/>
                  </a:cxn>
                  <a:cxn ang="0">
                    <a:pos x="connsiteX1" y="connsiteY1"/>
                  </a:cxn>
                  <a:cxn ang="0">
                    <a:pos x="connsiteX2" y="connsiteY2"/>
                  </a:cxn>
                </a:cxnLst>
                <a:rect l="l" t="t" r="r" b="b"/>
                <a:pathLst>
                  <a:path w="107318" h="52239">
                    <a:moveTo>
                      <a:pt x="107319" y="5498"/>
                    </a:moveTo>
                    <a:cubicBezTo>
                      <a:pt x="107319" y="5498"/>
                      <a:pt x="34917" y="-22124"/>
                      <a:pt x="0" y="46456"/>
                    </a:cubicBezTo>
                    <a:cubicBezTo>
                      <a:pt x="0" y="46456"/>
                      <a:pt x="72688" y="74936"/>
                      <a:pt x="107319" y="5498"/>
                    </a:cubicBezTo>
                    <a:close/>
                  </a:path>
                </a:pathLst>
              </a:custGeom>
              <a:solidFill>
                <a:srgbClr val="BCBEC0"/>
              </a:solidFill>
              <a:ln w="9492" cap="flat">
                <a:noFill/>
                <a:prstDash val="solid"/>
                <a:miter/>
              </a:ln>
            </p:spPr>
            <p:txBody>
              <a:bodyPr rtlCol="0" anchor="ctr"/>
              <a:lstStyle/>
              <a:p>
                <a:endParaRPr lang="en-US"/>
              </a:p>
            </p:txBody>
          </p:sp>
          <p:sp>
            <p:nvSpPr>
              <p:cNvPr id="100" name="Freeform 99">
                <a:extLst>
                  <a:ext uri="{FF2B5EF4-FFF2-40B4-BE49-F238E27FC236}">
                    <a16:creationId xmlns:a16="http://schemas.microsoft.com/office/drawing/2014/main" id="{0C30A809-3A9A-2601-221E-FA54DFEF94AE}"/>
                  </a:ext>
                </a:extLst>
              </p:cNvPr>
              <p:cNvSpPr/>
              <p:nvPr/>
            </p:nvSpPr>
            <p:spPr>
              <a:xfrm>
                <a:off x="4362718" y="4530759"/>
                <a:ext cx="152225" cy="70599"/>
              </a:xfrm>
              <a:custGeom>
                <a:avLst/>
                <a:gdLst>
                  <a:gd name="connsiteX0" fmla="*/ 152225 w 152225"/>
                  <a:gd name="connsiteY0" fmla="*/ 56441 h 70599"/>
                  <a:gd name="connsiteX1" fmla="*/ 0 w 152225"/>
                  <a:gd name="connsiteY1" fmla="*/ 13673 h 70599"/>
                  <a:gd name="connsiteX2" fmla="*/ 152225 w 152225"/>
                  <a:gd name="connsiteY2" fmla="*/ 56441 h 70599"/>
                </a:gdLst>
                <a:ahLst/>
                <a:cxnLst>
                  <a:cxn ang="0">
                    <a:pos x="connsiteX0" y="connsiteY0"/>
                  </a:cxn>
                  <a:cxn ang="0">
                    <a:pos x="connsiteX1" y="connsiteY1"/>
                  </a:cxn>
                  <a:cxn ang="0">
                    <a:pos x="connsiteX2" y="connsiteY2"/>
                  </a:cxn>
                </a:cxnLst>
                <a:rect l="l" t="t" r="r" b="b"/>
                <a:pathLst>
                  <a:path w="152225" h="70599">
                    <a:moveTo>
                      <a:pt x="152225" y="56441"/>
                    </a:moveTo>
                    <a:cubicBezTo>
                      <a:pt x="152225" y="56441"/>
                      <a:pt x="94665" y="-33475"/>
                      <a:pt x="0" y="13673"/>
                    </a:cubicBezTo>
                    <a:cubicBezTo>
                      <a:pt x="0" y="13673"/>
                      <a:pt x="57085" y="104828"/>
                      <a:pt x="152225" y="56441"/>
                    </a:cubicBezTo>
                    <a:close/>
                  </a:path>
                </a:pathLst>
              </a:custGeom>
              <a:solidFill>
                <a:srgbClr val="BCBEC0"/>
              </a:solidFill>
              <a:ln w="9492" cap="flat">
                <a:noFill/>
                <a:prstDash val="solid"/>
                <a:miter/>
              </a:ln>
            </p:spPr>
            <p:txBody>
              <a:bodyPr rtlCol="0" anchor="ctr"/>
              <a:lstStyle/>
              <a:p>
                <a:endParaRPr lang="en-US"/>
              </a:p>
            </p:txBody>
          </p:sp>
          <p:sp>
            <p:nvSpPr>
              <p:cNvPr id="101" name="Freeform 100">
                <a:extLst>
                  <a:ext uri="{FF2B5EF4-FFF2-40B4-BE49-F238E27FC236}">
                    <a16:creationId xmlns:a16="http://schemas.microsoft.com/office/drawing/2014/main" id="{BF0DEE0F-5718-A2FE-50DB-0D6BFFD08154}"/>
                  </a:ext>
                </a:extLst>
              </p:cNvPr>
              <p:cNvSpPr/>
              <p:nvPr/>
            </p:nvSpPr>
            <p:spPr>
              <a:xfrm>
                <a:off x="3541383" y="4536718"/>
                <a:ext cx="66707" cy="156019"/>
              </a:xfrm>
              <a:custGeom>
                <a:avLst/>
                <a:gdLst>
                  <a:gd name="connsiteX0" fmla="*/ 20344 w 66707"/>
                  <a:gd name="connsiteY0" fmla="*/ 156020 h 156019"/>
                  <a:gd name="connsiteX1" fmla="*/ 46888 w 66707"/>
                  <a:gd name="connsiteY1" fmla="*/ 0 h 156019"/>
                  <a:gd name="connsiteX2" fmla="*/ 20344 w 66707"/>
                  <a:gd name="connsiteY2" fmla="*/ 156020 h 156019"/>
                </a:gdLst>
                <a:ahLst/>
                <a:cxnLst>
                  <a:cxn ang="0">
                    <a:pos x="connsiteX0" y="connsiteY0"/>
                  </a:cxn>
                  <a:cxn ang="0">
                    <a:pos x="connsiteX1" y="connsiteY1"/>
                  </a:cxn>
                  <a:cxn ang="0">
                    <a:pos x="connsiteX2" y="connsiteY2"/>
                  </a:cxn>
                </a:cxnLst>
                <a:rect l="l" t="t" r="r" b="b"/>
                <a:pathLst>
                  <a:path w="66707" h="156019">
                    <a:moveTo>
                      <a:pt x="20344" y="156020"/>
                    </a:moveTo>
                    <a:cubicBezTo>
                      <a:pt x="20344" y="156020"/>
                      <a:pt x="103687" y="89345"/>
                      <a:pt x="46888" y="0"/>
                    </a:cubicBezTo>
                    <a:cubicBezTo>
                      <a:pt x="46888" y="0"/>
                      <a:pt x="-37692" y="66389"/>
                      <a:pt x="20344" y="156020"/>
                    </a:cubicBezTo>
                    <a:close/>
                  </a:path>
                </a:pathLst>
              </a:custGeom>
              <a:solidFill>
                <a:srgbClr val="BCBEC0"/>
              </a:solidFill>
              <a:ln w="9492" cap="flat">
                <a:noFill/>
                <a:prstDash val="solid"/>
                <a:miter/>
              </a:ln>
            </p:spPr>
            <p:txBody>
              <a:bodyPr rtlCol="0" anchor="ctr"/>
              <a:lstStyle/>
              <a:p>
                <a:endParaRPr lang="en-US"/>
              </a:p>
            </p:txBody>
          </p:sp>
          <p:sp>
            <p:nvSpPr>
              <p:cNvPr id="102" name="Freeform 101">
                <a:extLst>
                  <a:ext uri="{FF2B5EF4-FFF2-40B4-BE49-F238E27FC236}">
                    <a16:creationId xmlns:a16="http://schemas.microsoft.com/office/drawing/2014/main" id="{BF209DC1-07AF-83C0-E612-3EC9F32EBA18}"/>
                  </a:ext>
                </a:extLst>
              </p:cNvPr>
              <p:cNvSpPr/>
              <p:nvPr/>
            </p:nvSpPr>
            <p:spPr>
              <a:xfrm>
                <a:off x="3813946" y="3775642"/>
                <a:ext cx="126727" cy="82679"/>
              </a:xfrm>
              <a:custGeom>
                <a:avLst/>
                <a:gdLst>
                  <a:gd name="connsiteX0" fmla="*/ 126728 w 126727"/>
                  <a:gd name="connsiteY0" fmla="*/ 80133 h 82679"/>
                  <a:gd name="connsiteX1" fmla="*/ 0 w 126727"/>
                  <a:gd name="connsiteY1" fmla="*/ 2314 h 82679"/>
                  <a:gd name="connsiteX2" fmla="*/ 126728 w 126727"/>
                  <a:gd name="connsiteY2" fmla="*/ 80133 h 82679"/>
                </a:gdLst>
                <a:ahLst/>
                <a:cxnLst>
                  <a:cxn ang="0">
                    <a:pos x="connsiteX0" y="connsiteY0"/>
                  </a:cxn>
                  <a:cxn ang="0">
                    <a:pos x="connsiteX1" y="connsiteY1"/>
                  </a:cxn>
                  <a:cxn ang="0">
                    <a:pos x="connsiteX2" y="connsiteY2"/>
                  </a:cxn>
                </a:cxnLst>
                <a:rect l="l" t="t" r="r" b="b"/>
                <a:pathLst>
                  <a:path w="126727" h="82679">
                    <a:moveTo>
                      <a:pt x="126728" y="80133"/>
                    </a:moveTo>
                    <a:cubicBezTo>
                      <a:pt x="126728" y="80133"/>
                      <a:pt x="97805" y="-15974"/>
                      <a:pt x="0" y="2314"/>
                    </a:cubicBezTo>
                    <a:cubicBezTo>
                      <a:pt x="0" y="2314"/>
                      <a:pt x="28257" y="99469"/>
                      <a:pt x="126728" y="80133"/>
                    </a:cubicBezTo>
                    <a:close/>
                  </a:path>
                </a:pathLst>
              </a:custGeom>
              <a:solidFill>
                <a:srgbClr val="BCBEC0"/>
              </a:solidFill>
              <a:ln w="9492" cap="flat">
                <a:noFill/>
                <a:prstDash val="solid"/>
                <a:miter/>
              </a:ln>
            </p:spPr>
            <p:txBody>
              <a:bodyPr rtlCol="0" anchor="ctr"/>
              <a:lstStyle/>
              <a:p>
                <a:endParaRPr lang="en-US"/>
              </a:p>
            </p:txBody>
          </p:sp>
          <p:sp>
            <p:nvSpPr>
              <p:cNvPr id="103" name="Freeform 102">
                <a:extLst>
                  <a:ext uri="{FF2B5EF4-FFF2-40B4-BE49-F238E27FC236}">
                    <a16:creationId xmlns:a16="http://schemas.microsoft.com/office/drawing/2014/main" id="{9B8CA9D9-9EA6-B5BC-42BE-209496535102}"/>
                  </a:ext>
                </a:extLst>
              </p:cNvPr>
              <p:cNvSpPr/>
              <p:nvPr/>
            </p:nvSpPr>
            <p:spPr>
              <a:xfrm>
                <a:off x="3632326" y="3818056"/>
                <a:ext cx="60777" cy="125825"/>
              </a:xfrm>
              <a:custGeom>
                <a:avLst/>
                <a:gdLst>
                  <a:gd name="connsiteX0" fmla="*/ 9891 w 60777"/>
                  <a:gd name="connsiteY0" fmla="*/ 125825 h 125825"/>
                  <a:gd name="connsiteX1" fmla="*/ 51277 w 60777"/>
                  <a:gd name="connsiteY1" fmla="*/ 0 h 125825"/>
                  <a:gd name="connsiteX2" fmla="*/ 9891 w 60777"/>
                  <a:gd name="connsiteY2" fmla="*/ 125825 h 125825"/>
                </a:gdLst>
                <a:ahLst/>
                <a:cxnLst>
                  <a:cxn ang="0">
                    <a:pos x="connsiteX0" y="connsiteY0"/>
                  </a:cxn>
                  <a:cxn ang="0">
                    <a:pos x="connsiteX1" y="connsiteY1"/>
                  </a:cxn>
                  <a:cxn ang="0">
                    <a:pos x="connsiteX2" y="connsiteY2"/>
                  </a:cxn>
                </a:cxnLst>
                <a:rect l="l" t="t" r="r" b="b"/>
                <a:pathLst>
                  <a:path w="60777" h="125825">
                    <a:moveTo>
                      <a:pt x="9891" y="125825"/>
                    </a:moveTo>
                    <a:cubicBezTo>
                      <a:pt x="9891" y="125825"/>
                      <a:pt x="87145" y="81058"/>
                      <a:pt x="51277" y="0"/>
                    </a:cubicBezTo>
                    <a:cubicBezTo>
                      <a:pt x="51277" y="0"/>
                      <a:pt x="-27024" y="44387"/>
                      <a:pt x="9891" y="125825"/>
                    </a:cubicBezTo>
                    <a:close/>
                  </a:path>
                </a:pathLst>
              </a:custGeom>
              <a:solidFill>
                <a:srgbClr val="BCBEC0"/>
              </a:solidFill>
              <a:ln w="9492" cap="flat">
                <a:noFill/>
                <a:prstDash val="solid"/>
                <a:miter/>
              </a:ln>
            </p:spPr>
            <p:txBody>
              <a:bodyPr rtlCol="0" anchor="ctr"/>
              <a:lstStyle/>
              <a:p>
                <a:endParaRPr lang="en-US"/>
              </a:p>
            </p:txBody>
          </p:sp>
          <p:sp>
            <p:nvSpPr>
              <p:cNvPr id="104" name="Freeform 103">
                <a:extLst>
                  <a:ext uri="{FF2B5EF4-FFF2-40B4-BE49-F238E27FC236}">
                    <a16:creationId xmlns:a16="http://schemas.microsoft.com/office/drawing/2014/main" id="{B133B438-ECD8-B8FB-2140-BC4450374BE4}"/>
                  </a:ext>
                </a:extLst>
              </p:cNvPr>
              <p:cNvSpPr/>
              <p:nvPr/>
            </p:nvSpPr>
            <p:spPr>
              <a:xfrm>
                <a:off x="4290982" y="4277654"/>
                <a:ext cx="209785" cy="84549"/>
              </a:xfrm>
              <a:custGeom>
                <a:avLst/>
                <a:gdLst>
                  <a:gd name="connsiteX0" fmla="*/ 0 w 209785"/>
                  <a:gd name="connsiteY0" fmla="*/ 41418 h 84549"/>
                  <a:gd name="connsiteX1" fmla="*/ 209786 w 209785"/>
                  <a:gd name="connsiteY1" fmla="*/ 42370 h 84549"/>
                  <a:gd name="connsiteX2" fmla="*/ 0 w 209785"/>
                  <a:gd name="connsiteY2" fmla="*/ 41418 h 84549"/>
                </a:gdLst>
                <a:ahLst/>
                <a:cxnLst>
                  <a:cxn ang="0">
                    <a:pos x="connsiteX0" y="connsiteY0"/>
                  </a:cxn>
                  <a:cxn ang="0">
                    <a:pos x="connsiteX1" y="connsiteY1"/>
                  </a:cxn>
                  <a:cxn ang="0">
                    <a:pos x="connsiteX2" y="connsiteY2"/>
                  </a:cxn>
                </a:cxnLst>
                <a:rect l="l" t="t" r="r" b="b"/>
                <a:pathLst>
                  <a:path w="209785" h="84549">
                    <a:moveTo>
                      <a:pt x="0" y="41418"/>
                    </a:moveTo>
                    <a:cubicBezTo>
                      <a:pt x="0" y="41418"/>
                      <a:pt x="106082" y="-52404"/>
                      <a:pt x="209786" y="42370"/>
                    </a:cubicBezTo>
                    <a:cubicBezTo>
                      <a:pt x="209786" y="42370"/>
                      <a:pt x="103799" y="137906"/>
                      <a:pt x="0" y="41418"/>
                    </a:cubicBezTo>
                    <a:close/>
                  </a:path>
                </a:pathLst>
              </a:custGeom>
              <a:solidFill>
                <a:srgbClr val="BCBEC0"/>
              </a:solidFill>
              <a:ln w="9492" cap="flat">
                <a:noFill/>
                <a:prstDash val="solid"/>
                <a:miter/>
              </a:ln>
            </p:spPr>
            <p:txBody>
              <a:bodyPr rtlCol="0" anchor="ctr"/>
              <a:lstStyle/>
              <a:p>
                <a:endParaRPr lang="en-US"/>
              </a:p>
            </p:txBody>
          </p:sp>
          <p:sp>
            <p:nvSpPr>
              <p:cNvPr id="105" name="Freeform 104">
                <a:extLst>
                  <a:ext uri="{FF2B5EF4-FFF2-40B4-BE49-F238E27FC236}">
                    <a16:creationId xmlns:a16="http://schemas.microsoft.com/office/drawing/2014/main" id="{0FE6AE66-99B7-169F-4477-6B9360A4AAF4}"/>
                  </a:ext>
                </a:extLst>
              </p:cNvPr>
              <p:cNvSpPr/>
              <p:nvPr/>
            </p:nvSpPr>
            <p:spPr>
              <a:xfrm>
                <a:off x="4680965" y="4537248"/>
                <a:ext cx="209500" cy="84374"/>
              </a:xfrm>
              <a:custGeom>
                <a:avLst/>
                <a:gdLst>
                  <a:gd name="connsiteX0" fmla="*/ 0 w 209500"/>
                  <a:gd name="connsiteY0" fmla="*/ 35855 h 84374"/>
                  <a:gd name="connsiteX1" fmla="*/ 209500 w 209500"/>
                  <a:gd name="connsiteY1" fmla="*/ 47762 h 84374"/>
                  <a:gd name="connsiteX2" fmla="*/ 0 w 209500"/>
                  <a:gd name="connsiteY2" fmla="*/ 35855 h 84374"/>
                </a:gdLst>
                <a:ahLst/>
                <a:cxnLst>
                  <a:cxn ang="0">
                    <a:pos x="connsiteX0" y="connsiteY0"/>
                  </a:cxn>
                  <a:cxn ang="0">
                    <a:pos x="connsiteX1" y="connsiteY1"/>
                  </a:cxn>
                  <a:cxn ang="0">
                    <a:pos x="connsiteX2" y="connsiteY2"/>
                  </a:cxn>
                </a:cxnLst>
                <a:rect l="l" t="t" r="r" b="b"/>
                <a:pathLst>
                  <a:path w="209500" h="84374">
                    <a:moveTo>
                      <a:pt x="0" y="35855"/>
                    </a:moveTo>
                    <a:cubicBezTo>
                      <a:pt x="0" y="35855"/>
                      <a:pt x="110839" y="-52251"/>
                      <a:pt x="209500" y="47762"/>
                    </a:cubicBezTo>
                    <a:cubicBezTo>
                      <a:pt x="209500" y="47762"/>
                      <a:pt x="98661" y="137582"/>
                      <a:pt x="0" y="35855"/>
                    </a:cubicBezTo>
                    <a:close/>
                  </a:path>
                </a:pathLst>
              </a:custGeom>
              <a:solidFill>
                <a:srgbClr val="BCBEC0"/>
              </a:solidFill>
              <a:ln w="9492" cap="flat">
                <a:noFill/>
                <a:prstDash val="solid"/>
                <a:miter/>
              </a:ln>
            </p:spPr>
            <p:txBody>
              <a:bodyPr rtlCol="0" anchor="ctr"/>
              <a:lstStyle/>
              <a:p>
                <a:endParaRPr lang="en-US"/>
              </a:p>
            </p:txBody>
          </p:sp>
          <p:sp>
            <p:nvSpPr>
              <p:cNvPr id="106" name="Freeform 105">
                <a:extLst>
                  <a:ext uri="{FF2B5EF4-FFF2-40B4-BE49-F238E27FC236}">
                    <a16:creationId xmlns:a16="http://schemas.microsoft.com/office/drawing/2014/main" id="{6D549565-D6E1-567A-4095-1C88884804F9}"/>
                  </a:ext>
                </a:extLst>
              </p:cNvPr>
              <p:cNvSpPr/>
              <p:nvPr/>
            </p:nvSpPr>
            <p:spPr>
              <a:xfrm>
                <a:off x="4253136" y="4330597"/>
                <a:ext cx="54646" cy="131635"/>
              </a:xfrm>
              <a:custGeom>
                <a:avLst/>
                <a:gdLst>
                  <a:gd name="connsiteX0" fmla="*/ 34612 w 54646"/>
                  <a:gd name="connsiteY0" fmla="*/ 131636 h 131635"/>
                  <a:gd name="connsiteX1" fmla="*/ 19579 w 54646"/>
                  <a:gd name="connsiteY1" fmla="*/ 0 h 131635"/>
                  <a:gd name="connsiteX2" fmla="*/ 34612 w 54646"/>
                  <a:gd name="connsiteY2" fmla="*/ 131636 h 131635"/>
                </a:gdLst>
                <a:ahLst/>
                <a:cxnLst>
                  <a:cxn ang="0">
                    <a:pos x="connsiteX0" y="connsiteY0"/>
                  </a:cxn>
                  <a:cxn ang="0">
                    <a:pos x="connsiteX1" y="connsiteY1"/>
                  </a:cxn>
                  <a:cxn ang="0">
                    <a:pos x="connsiteX2" y="connsiteY2"/>
                  </a:cxn>
                </a:cxnLst>
                <a:rect l="l" t="t" r="r" b="b"/>
                <a:pathLst>
                  <a:path w="54646" h="131635">
                    <a:moveTo>
                      <a:pt x="34612" y="131636"/>
                    </a:moveTo>
                    <a:cubicBezTo>
                      <a:pt x="34612" y="131636"/>
                      <a:pt x="-31987" y="72104"/>
                      <a:pt x="19579" y="0"/>
                    </a:cubicBezTo>
                    <a:cubicBezTo>
                      <a:pt x="19579" y="0"/>
                      <a:pt x="87225" y="59341"/>
                      <a:pt x="34612" y="131636"/>
                    </a:cubicBezTo>
                    <a:close/>
                  </a:path>
                </a:pathLst>
              </a:custGeom>
              <a:solidFill>
                <a:srgbClr val="BCBEC0"/>
              </a:solidFill>
              <a:ln w="9492" cap="flat">
                <a:noFill/>
                <a:prstDash val="solid"/>
                <a:miter/>
              </a:ln>
            </p:spPr>
            <p:txBody>
              <a:bodyPr rtlCol="0" anchor="ctr"/>
              <a:lstStyle/>
              <a:p>
                <a:endParaRPr lang="en-US"/>
              </a:p>
            </p:txBody>
          </p:sp>
          <p:sp>
            <p:nvSpPr>
              <p:cNvPr id="107" name="Freeform 106">
                <a:extLst>
                  <a:ext uri="{FF2B5EF4-FFF2-40B4-BE49-F238E27FC236}">
                    <a16:creationId xmlns:a16="http://schemas.microsoft.com/office/drawing/2014/main" id="{958EAB9A-A95B-12E3-4B31-8775BB62DA0F}"/>
                  </a:ext>
                </a:extLst>
              </p:cNvPr>
              <p:cNvSpPr/>
              <p:nvPr/>
            </p:nvSpPr>
            <p:spPr>
              <a:xfrm>
                <a:off x="4108026" y="4265458"/>
                <a:ext cx="117689" cy="66309"/>
              </a:xfrm>
              <a:custGeom>
                <a:avLst/>
                <a:gdLst>
                  <a:gd name="connsiteX0" fmla="*/ 117689 w 117689"/>
                  <a:gd name="connsiteY0" fmla="*/ 2750 h 66309"/>
                  <a:gd name="connsiteX1" fmla="*/ 0 w 117689"/>
                  <a:gd name="connsiteY1" fmla="*/ 63329 h 66309"/>
                  <a:gd name="connsiteX2" fmla="*/ 117689 w 117689"/>
                  <a:gd name="connsiteY2" fmla="*/ 2750 h 66309"/>
                </a:gdLst>
                <a:ahLst/>
                <a:cxnLst>
                  <a:cxn ang="0">
                    <a:pos x="connsiteX0" y="connsiteY0"/>
                  </a:cxn>
                  <a:cxn ang="0">
                    <a:pos x="connsiteX1" y="connsiteY1"/>
                  </a:cxn>
                  <a:cxn ang="0">
                    <a:pos x="connsiteX2" y="connsiteY2"/>
                  </a:cxn>
                </a:cxnLst>
                <a:rect l="l" t="t" r="r" b="b"/>
                <a:pathLst>
                  <a:path w="117689" h="66309">
                    <a:moveTo>
                      <a:pt x="117689" y="2750"/>
                    </a:moveTo>
                    <a:cubicBezTo>
                      <a:pt x="117689" y="2750"/>
                      <a:pt x="31206" y="-19634"/>
                      <a:pt x="0" y="63329"/>
                    </a:cubicBezTo>
                    <a:cubicBezTo>
                      <a:pt x="0" y="63329"/>
                      <a:pt x="86864" y="86665"/>
                      <a:pt x="117689" y="2750"/>
                    </a:cubicBezTo>
                    <a:close/>
                  </a:path>
                </a:pathLst>
              </a:custGeom>
              <a:solidFill>
                <a:srgbClr val="BCBEC0"/>
              </a:solidFill>
              <a:ln w="9492" cap="flat">
                <a:noFill/>
                <a:prstDash val="solid"/>
                <a:miter/>
              </a:ln>
            </p:spPr>
            <p:txBody>
              <a:bodyPr rtlCol="0" anchor="ctr"/>
              <a:lstStyle/>
              <a:p>
                <a:endParaRPr lang="en-US"/>
              </a:p>
            </p:txBody>
          </p:sp>
          <p:sp>
            <p:nvSpPr>
              <p:cNvPr id="108" name="Freeform 107">
                <a:extLst>
                  <a:ext uri="{FF2B5EF4-FFF2-40B4-BE49-F238E27FC236}">
                    <a16:creationId xmlns:a16="http://schemas.microsoft.com/office/drawing/2014/main" id="{D077D7E1-5F2F-BDF8-C540-3E652DEDD5BA}"/>
                  </a:ext>
                </a:extLst>
              </p:cNvPr>
              <p:cNvSpPr/>
              <p:nvPr/>
            </p:nvSpPr>
            <p:spPr>
              <a:xfrm>
                <a:off x="4081838" y="3601172"/>
                <a:ext cx="63466" cy="123063"/>
              </a:xfrm>
              <a:custGeom>
                <a:avLst/>
                <a:gdLst>
                  <a:gd name="connsiteX0" fmla="*/ 7445 w 63466"/>
                  <a:gd name="connsiteY0" fmla="*/ 123063 h 123063"/>
                  <a:gd name="connsiteX1" fmla="*/ 56348 w 63466"/>
                  <a:gd name="connsiteY1" fmla="*/ 0 h 123063"/>
                  <a:gd name="connsiteX2" fmla="*/ 7445 w 63466"/>
                  <a:gd name="connsiteY2" fmla="*/ 123063 h 123063"/>
                </a:gdLst>
                <a:ahLst/>
                <a:cxnLst>
                  <a:cxn ang="0">
                    <a:pos x="connsiteX0" y="connsiteY0"/>
                  </a:cxn>
                  <a:cxn ang="0">
                    <a:pos x="connsiteX1" y="connsiteY1"/>
                  </a:cxn>
                  <a:cxn ang="0">
                    <a:pos x="connsiteX2" y="connsiteY2"/>
                  </a:cxn>
                </a:cxnLst>
                <a:rect l="l" t="t" r="r" b="b"/>
                <a:pathLst>
                  <a:path w="63466" h="123063">
                    <a:moveTo>
                      <a:pt x="7445" y="123063"/>
                    </a:moveTo>
                    <a:cubicBezTo>
                      <a:pt x="7445" y="123063"/>
                      <a:pt x="87268" y="83058"/>
                      <a:pt x="56348" y="0"/>
                    </a:cubicBezTo>
                    <a:cubicBezTo>
                      <a:pt x="56348" y="0"/>
                      <a:pt x="-24427" y="39529"/>
                      <a:pt x="7445" y="123063"/>
                    </a:cubicBezTo>
                    <a:close/>
                  </a:path>
                </a:pathLst>
              </a:custGeom>
              <a:solidFill>
                <a:srgbClr val="BCBEC0"/>
              </a:solidFill>
              <a:ln w="9492" cap="flat">
                <a:noFill/>
                <a:prstDash val="solid"/>
                <a:miter/>
              </a:ln>
            </p:spPr>
            <p:txBody>
              <a:bodyPr rtlCol="0" anchor="ctr"/>
              <a:lstStyle/>
              <a:p>
                <a:endParaRPr lang="en-US"/>
              </a:p>
            </p:txBody>
          </p:sp>
          <p:sp>
            <p:nvSpPr>
              <p:cNvPr id="109" name="Freeform 108">
                <a:extLst>
                  <a:ext uri="{FF2B5EF4-FFF2-40B4-BE49-F238E27FC236}">
                    <a16:creationId xmlns:a16="http://schemas.microsoft.com/office/drawing/2014/main" id="{A2091F33-B18D-9B8A-3838-ACE90A7F6599}"/>
                  </a:ext>
                </a:extLst>
              </p:cNvPr>
              <p:cNvSpPr/>
              <p:nvPr/>
            </p:nvSpPr>
            <p:spPr>
              <a:xfrm>
                <a:off x="3642929" y="4287544"/>
                <a:ext cx="83700" cy="140970"/>
              </a:xfrm>
              <a:custGeom>
                <a:avLst/>
                <a:gdLst>
                  <a:gd name="connsiteX0" fmla="*/ 4615 w 83700"/>
                  <a:gd name="connsiteY0" fmla="*/ 140970 h 140970"/>
                  <a:gd name="connsiteX1" fmla="*/ 79396 w 83700"/>
                  <a:gd name="connsiteY1" fmla="*/ 0 h 140970"/>
                  <a:gd name="connsiteX2" fmla="*/ 4615 w 83700"/>
                  <a:gd name="connsiteY2" fmla="*/ 140970 h 140970"/>
                </a:gdLst>
                <a:ahLst/>
                <a:cxnLst>
                  <a:cxn ang="0">
                    <a:pos x="connsiteX0" y="connsiteY0"/>
                  </a:cxn>
                  <a:cxn ang="0">
                    <a:pos x="connsiteX1" y="connsiteY1"/>
                  </a:cxn>
                  <a:cxn ang="0">
                    <a:pos x="connsiteX2" y="connsiteY2"/>
                  </a:cxn>
                </a:cxnLst>
                <a:rect l="l" t="t" r="r" b="b"/>
                <a:pathLst>
                  <a:path w="83700" h="140970">
                    <a:moveTo>
                      <a:pt x="4615" y="140970"/>
                    </a:moveTo>
                    <a:cubicBezTo>
                      <a:pt x="4615" y="140970"/>
                      <a:pt x="105465" y="103537"/>
                      <a:pt x="79396" y="0"/>
                    </a:cubicBezTo>
                    <a:cubicBezTo>
                      <a:pt x="79396" y="0"/>
                      <a:pt x="-22595" y="36767"/>
                      <a:pt x="4615" y="140970"/>
                    </a:cubicBezTo>
                    <a:close/>
                  </a:path>
                </a:pathLst>
              </a:custGeom>
              <a:solidFill>
                <a:srgbClr val="BCBEC0"/>
              </a:solidFill>
              <a:ln w="9492" cap="flat">
                <a:noFill/>
                <a:prstDash val="solid"/>
                <a:miter/>
              </a:ln>
            </p:spPr>
            <p:txBody>
              <a:bodyPr rtlCol="0" anchor="ctr"/>
              <a:lstStyle/>
              <a:p>
                <a:endParaRPr lang="en-US"/>
              </a:p>
            </p:txBody>
          </p:sp>
        </p:grpSp>
        <p:sp>
          <p:nvSpPr>
            <p:cNvPr id="15" name="Freeform 14">
              <a:extLst>
                <a:ext uri="{FF2B5EF4-FFF2-40B4-BE49-F238E27FC236}">
                  <a16:creationId xmlns:a16="http://schemas.microsoft.com/office/drawing/2014/main" id="{8F3B453D-A4AC-9D68-31CB-1E2FE28C6116}"/>
                </a:ext>
              </a:extLst>
            </p:cNvPr>
            <p:cNvSpPr/>
            <p:nvPr/>
          </p:nvSpPr>
          <p:spPr>
            <a:xfrm>
              <a:off x="5268780" y="4226012"/>
              <a:ext cx="536" cy="15525"/>
            </a:xfrm>
            <a:custGeom>
              <a:avLst/>
              <a:gdLst>
                <a:gd name="connsiteX0" fmla="*/ 536 w 536"/>
                <a:gd name="connsiteY0" fmla="*/ 0 h 15525"/>
                <a:gd name="connsiteX1" fmla="*/ 251 w 536"/>
                <a:gd name="connsiteY1" fmla="*/ 15526 h 15525"/>
                <a:gd name="connsiteX2" fmla="*/ 251 w 536"/>
                <a:gd name="connsiteY2" fmla="*/ 14097 h 15525"/>
                <a:gd name="connsiteX3" fmla="*/ 536 w 536"/>
                <a:gd name="connsiteY3" fmla="*/ 0 h 15525"/>
              </a:gdLst>
              <a:ahLst/>
              <a:cxnLst>
                <a:cxn ang="0">
                  <a:pos x="connsiteX0" y="connsiteY0"/>
                </a:cxn>
                <a:cxn ang="0">
                  <a:pos x="connsiteX1" y="connsiteY1"/>
                </a:cxn>
                <a:cxn ang="0">
                  <a:pos x="connsiteX2" y="connsiteY2"/>
                </a:cxn>
                <a:cxn ang="0">
                  <a:pos x="connsiteX3" y="connsiteY3"/>
                </a:cxn>
              </a:cxnLst>
              <a:rect l="l" t="t" r="r" b="b"/>
              <a:pathLst>
                <a:path w="536" h="15525">
                  <a:moveTo>
                    <a:pt x="536" y="0"/>
                  </a:moveTo>
                  <a:cubicBezTo>
                    <a:pt x="-225" y="286"/>
                    <a:pt x="-35" y="8573"/>
                    <a:pt x="251" y="15526"/>
                  </a:cubicBezTo>
                  <a:cubicBezTo>
                    <a:pt x="251" y="15050"/>
                    <a:pt x="251" y="14573"/>
                    <a:pt x="251" y="14097"/>
                  </a:cubicBezTo>
                  <a:cubicBezTo>
                    <a:pt x="251" y="11716"/>
                    <a:pt x="60" y="191"/>
                    <a:pt x="536" y="0"/>
                  </a:cubicBezTo>
                  <a:close/>
                </a:path>
              </a:pathLst>
            </a:custGeom>
            <a:solidFill>
              <a:srgbClr val="052460"/>
            </a:solidFill>
            <a:ln w="9492" cap="flat">
              <a:noFill/>
              <a:prstDash val="solid"/>
              <a:miter/>
            </a:ln>
          </p:spPr>
          <p:txBody>
            <a:bodyPr rtlCol="0" anchor="ctr"/>
            <a:lstStyle/>
            <a:p>
              <a:endParaRPr lang="en-US"/>
            </a:p>
          </p:txBody>
        </p:sp>
        <p:sp>
          <p:nvSpPr>
            <p:cNvPr id="16" name="Freeform 15">
              <a:extLst>
                <a:ext uri="{FF2B5EF4-FFF2-40B4-BE49-F238E27FC236}">
                  <a16:creationId xmlns:a16="http://schemas.microsoft.com/office/drawing/2014/main" id="{057C1FE3-3647-CB88-B415-9B4EB85E8CED}"/>
                </a:ext>
              </a:extLst>
            </p:cNvPr>
            <p:cNvSpPr/>
            <p:nvPr/>
          </p:nvSpPr>
          <p:spPr>
            <a:xfrm>
              <a:off x="2630393" y="4226012"/>
              <a:ext cx="786" cy="17811"/>
            </a:xfrm>
            <a:custGeom>
              <a:avLst/>
              <a:gdLst>
                <a:gd name="connsiteX0" fmla="*/ 0 w 786"/>
                <a:gd name="connsiteY0" fmla="*/ 0 h 17811"/>
                <a:gd name="connsiteX1" fmla="*/ 285 w 786"/>
                <a:gd name="connsiteY1" fmla="*/ 14097 h 17811"/>
                <a:gd name="connsiteX2" fmla="*/ 285 w 786"/>
                <a:gd name="connsiteY2" fmla="*/ 17812 h 17811"/>
                <a:gd name="connsiteX3" fmla="*/ 0 w 786"/>
                <a:gd name="connsiteY3" fmla="*/ 0 h 17811"/>
              </a:gdLst>
              <a:ahLst/>
              <a:cxnLst>
                <a:cxn ang="0">
                  <a:pos x="connsiteX0" y="connsiteY0"/>
                </a:cxn>
                <a:cxn ang="0">
                  <a:pos x="connsiteX1" y="connsiteY1"/>
                </a:cxn>
                <a:cxn ang="0">
                  <a:pos x="connsiteX2" y="connsiteY2"/>
                </a:cxn>
                <a:cxn ang="0">
                  <a:pos x="connsiteX3" y="connsiteY3"/>
                </a:cxn>
              </a:cxnLst>
              <a:rect l="l" t="t" r="r" b="b"/>
              <a:pathLst>
                <a:path w="786" h="17811">
                  <a:moveTo>
                    <a:pt x="0" y="0"/>
                  </a:moveTo>
                  <a:cubicBezTo>
                    <a:pt x="0" y="0"/>
                    <a:pt x="285" y="11335"/>
                    <a:pt x="285" y="14097"/>
                  </a:cubicBezTo>
                  <a:cubicBezTo>
                    <a:pt x="285" y="15335"/>
                    <a:pt x="285" y="16574"/>
                    <a:pt x="285" y="17812"/>
                  </a:cubicBezTo>
                  <a:cubicBezTo>
                    <a:pt x="761" y="10763"/>
                    <a:pt x="1237" y="1048"/>
                    <a:pt x="0" y="0"/>
                  </a:cubicBezTo>
                  <a:close/>
                </a:path>
              </a:pathLst>
            </a:custGeom>
            <a:solidFill>
              <a:srgbClr val="052460"/>
            </a:solidFill>
            <a:ln w="9492" cap="flat">
              <a:noFill/>
              <a:prstDash val="solid"/>
              <a:miter/>
            </a:ln>
          </p:spPr>
          <p:txBody>
            <a:bodyPr rtlCol="0" anchor="ctr"/>
            <a:lstStyle/>
            <a:p>
              <a:endParaRPr lang="en-US"/>
            </a:p>
          </p:txBody>
        </p:sp>
        <p:sp>
          <p:nvSpPr>
            <p:cNvPr id="17" name="Freeform 16">
              <a:extLst>
                <a:ext uri="{FF2B5EF4-FFF2-40B4-BE49-F238E27FC236}">
                  <a16:creationId xmlns:a16="http://schemas.microsoft.com/office/drawing/2014/main" id="{525BB83E-FF79-C54C-D1F9-7EC9381B1658}"/>
                </a:ext>
              </a:extLst>
            </p:cNvPr>
            <p:cNvSpPr/>
            <p:nvPr/>
          </p:nvSpPr>
          <p:spPr>
            <a:xfrm>
              <a:off x="3062999" y="3945501"/>
              <a:ext cx="190947" cy="124110"/>
            </a:xfrm>
            <a:custGeom>
              <a:avLst/>
              <a:gdLst>
                <a:gd name="connsiteX0" fmla="*/ 26925 w 190947"/>
                <a:gd name="connsiteY0" fmla="*/ 123254 h 124110"/>
                <a:gd name="connsiteX1" fmla="*/ 28733 w 190947"/>
                <a:gd name="connsiteY1" fmla="*/ 124111 h 124110"/>
                <a:gd name="connsiteX2" fmla="*/ 190948 w 190947"/>
                <a:gd name="connsiteY2" fmla="*/ 31909 h 124110"/>
                <a:gd name="connsiteX3" fmla="*/ 186476 w 190947"/>
                <a:gd name="connsiteY3" fmla="*/ 0 h 124110"/>
                <a:gd name="connsiteX4" fmla="*/ 0 w 190947"/>
                <a:gd name="connsiteY4" fmla="*/ 106013 h 124110"/>
                <a:gd name="connsiteX5" fmla="*/ 26925 w 190947"/>
                <a:gd name="connsiteY5" fmla="*/ 123254 h 1241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90947" h="124110">
                  <a:moveTo>
                    <a:pt x="26925" y="123254"/>
                  </a:moveTo>
                  <a:cubicBezTo>
                    <a:pt x="27496" y="123539"/>
                    <a:pt x="28162" y="123825"/>
                    <a:pt x="28733" y="124111"/>
                  </a:cubicBezTo>
                  <a:lnTo>
                    <a:pt x="190948" y="31909"/>
                  </a:lnTo>
                  <a:cubicBezTo>
                    <a:pt x="189996" y="21241"/>
                    <a:pt x="188664" y="10573"/>
                    <a:pt x="186476" y="0"/>
                  </a:cubicBezTo>
                  <a:lnTo>
                    <a:pt x="0" y="106013"/>
                  </a:lnTo>
                  <a:cubicBezTo>
                    <a:pt x="8468" y="112776"/>
                    <a:pt x="17506" y="118681"/>
                    <a:pt x="26925" y="123254"/>
                  </a:cubicBezTo>
                  <a:close/>
                </a:path>
              </a:pathLst>
            </a:custGeom>
            <a:noFill/>
            <a:ln w="9492" cap="flat">
              <a:noFill/>
              <a:prstDash val="solid"/>
              <a:miter/>
            </a:ln>
          </p:spPr>
          <p:txBody>
            <a:bodyPr rtlCol="0" anchor="ctr"/>
            <a:lstStyle/>
            <a:p>
              <a:endParaRPr lang="en-US"/>
            </a:p>
          </p:txBody>
        </p:sp>
        <p:sp>
          <p:nvSpPr>
            <p:cNvPr id="18" name="Freeform 17">
              <a:extLst>
                <a:ext uri="{FF2B5EF4-FFF2-40B4-BE49-F238E27FC236}">
                  <a16:creationId xmlns:a16="http://schemas.microsoft.com/office/drawing/2014/main" id="{AB0995ED-C3B7-F949-DD89-1EE22C020584}"/>
                </a:ext>
              </a:extLst>
            </p:cNvPr>
            <p:cNvSpPr/>
            <p:nvPr/>
          </p:nvSpPr>
          <p:spPr>
            <a:xfrm>
              <a:off x="3142917" y="4027797"/>
              <a:ext cx="112171" cy="95726"/>
            </a:xfrm>
            <a:custGeom>
              <a:avLst/>
              <a:gdLst>
                <a:gd name="connsiteX0" fmla="*/ 105036 w 112171"/>
                <a:gd name="connsiteY0" fmla="*/ 95726 h 95726"/>
                <a:gd name="connsiteX1" fmla="*/ 110744 w 112171"/>
                <a:gd name="connsiteY1" fmla="*/ 43720 h 95726"/>
                <a:gd name="connsiteX2" fmla="*/ 66979 w 112171"/>
                <a:gd name="connsiteY2" fmla="*/ 68771 h 95726"/>
                <a:gd name="connsiteX3" fmla="*/ 65172 w 112171"/>
                <a:gd name="connsiteY3" fmla="*/ 69247 h 95726"/>
                <a:gd name="connsiteX4" fmla="*/ 62032 w 112171"/>
                <a:gd name="connsiteY4" fmla="*/ 67437 h 95726"/>
                <a:gd name="connsiteX5" fmla="*/ 63364 w 112171"/>
                <a:gd name="connsiteY5" fmla="*/ 62579 h 95726"/>
                <a:gd name="connsiteX6" fmla="*/ 111125 w 112171"/>
                <a:gd name="connsiteY6" fmla="*/ 35147 h 95726"/>
                <a:gd name="connsiteX7" fmla="*/ 111315 w 112171"/>
                <a:gd name="connsiteY7" fmla="*/ 31052 h 95726"/>
                <a:gd name="connsiteX8" fmla="*/ 112171 w 112171"/>
                <a:gd name="connsiteY8" fmla="*/ 0 h 95726"/>
                <a:gd name="connsiteX9" fmla="*/ 0 w 112171"/>
                <a:gd name="connsiteY9" fmla="*/ 63627 h 95726"/>
                <a:gd name="connsiteX10" fmla="*/ 104845 w 112171"/>
                <a:gd name="connsiteY10" fmla="*/ 95536 h 95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2171" h="95726">
                  <a:moveTo>
                    <a:pt x="105036" y="95726"/>
                  </a:moveTo>
                  <a:cubicBezTo>
                    <a:pt x="106653" y="84296"/>
                    <a:pt x="109317" y="62865"/>
                    <a:pt x="110744" y="43720"/>
                  </a:cubicBezTo>
                  <a:lnTo>
                    <a:pt x="66979" y="68771"/>
                  </a:lnTo>
                  <a:cubicBezTo>
                    <a:pt x="66408" y="69056"/>
                    <a:pt x="65838" y="69247"/>
                    <a:pt x="65172" y="69247"/>
                  </a:cubicBezTo>
                  <a:cubicBezTo>
                    <a:pt x="63935" y="69247"/>
                    <a:pt x="62698" y="68580"/>
                    <a:pt x="62032" y="67437"/>
                  </a:cubicBezTo>
                  <a:cubicBezTo>
                    <a:pt x="61080" y="65723"/>
                    <a:pt x="61651" y="63532"/>
                    <a:pt x="63364" y="62579"/>
                  </a:cubicBezTo>
                  <a:lnTo>
                    <a:pt x="111125" y="35147"/>
                  </a:lnTo>
                  <a:cubicBezTo>
                    <a:pt x="111125" y="33814"/>
                    <a:pt x="111315" y="32385"/>
                    <a:pt x="111315" y="31052"/>
                  </a:cubicBezTo>
                  <a:cubicBezTo>
                    <a:pt x="111695" y="20955"/>
                    <a:pt x="111981" y="10573"/>
                    <a:pt x="112171" y="0"/>
                  </a:cubicBezTo>
                  <a:lnTo>
                    <a:pt x="0" y="63627"/>
                  </a:lnTo>
                  <a:cubicBezTo>
                    <a:pt x="35868" y="77248"/>
                    <a:pt x="70595" y="86963"/>
                    <a:pt x="104845" y="95536"/>
                  </a:cubicBezTo>
                  <a:close/>
                </a:path>
              </a:pathLst>
            </a:custGeom>
            <a:noFill/>
            <a:ln w="9492" cap="flat">
              <a:noFill/>
              <a:prstDash val="solid"/>
              <a:miter/>
            </a:ln>
          </p:spPr>
          <p:txBody>
            <a:bodyPr rtlCol="0" anchor="ctr"/>
            <a:lstStyle/>
            <a:p>
              <a:endParaRPr lang="en-US"/>
            </a:p>
          </p:txBody>
        </p:sp>
        <p:sp>
          <p:nvSpPr>
            <p:cNvPr id="19" name="Freeform 18">
              <a:extLst>
                <a:ext uri="{FF2B5EF4-FFF2-40B4-BE49-F238E27FC236}">
                  <a16:creationId xmlns:a16="http://schemas.microsoft.com/office/drawing/2014/main" id="{721EF4A8-79C2-DC6F-A2A3-AAA6B1581B31}"/>
                </a:ext>
              </a:extLst>
            </p:cNvPr>
            <p:cNvSpPr/>
            <p:nvPr/>
          </p:nvSpPr>
          <p:spPr>
            <a:xfrm>
              <a:off x="3099628" y="3985316"/>
              <a:ext cx="155745" cy="102965"/>
            </a:xfrm>
            <a:custGeom>
              <a:avLst/>
              <a:gdLst>
                <a:gd name="connsiteX0" fmla="*/ 34917 w 155745"/>
                <a:gd name="connsiteY0" fmla="*/ 102870 h 102965"/>
                <a:gd name="connsiteX1" fmla="*/ 155746 w 155745"/>
                <a:gd name="connsiteY1" fmla="*/ 34290 h 102965"/>
                <a:gd name="connsiteX2" fmla="*/ 154889 w 155745"/>
                <a:gd name="connsiteY2" fmla="*/ 0 h 102965"/>
                <a:gd name="connsiteX3" fmla="*/ 0 w 155745"/>
                <a:gd name="connsiteY3" fmla="*/ 88011 h 102965"/>
                <a:gd name="connsiteX4" fmla="*/ 34822 w 155745"/>
                <a:gd name="connsiteY4" fmla="*/ 102965 h 10296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5745" h="102965">
                  <a:moveTo>
                    <a:pt x="34917" y="102870"/>
                  </a:moveTo>
                  <a:lnTo>
                    <a:pt x="155746" y="34290"/>
                  </a:lnTo>
                  <a:cubicBezTo>
                    <a:pt x="155746" y="22955"/>
                    <a:pt x="155746" y="11525"/>
                    <a:pt x="154889" y="0"/>
                  </a:cubicBezTo>
                  <a:lnTo>
                    <a:pt x="0" y="88011"/>
                  </a:lnTo>
                  <a:cubicBezTo>
                    <a:pt x="11702" y="93536"/>
                    <a:pt x="23310" y="98393"/>
                    <a:pt x="34822" y="102965"/>
                  </a:cubicBezTo>
                  <a:close/>
                </a:path>
              </a:pathLst>
            </a:custGeom>
            <a:noFill/>
            <a:ln w="9492" cap="flat">
              <a:noFill/>
              <a:prstDash val="solid"/>
              <a:miter/>
            </a:ln>
          </p:spPr>
          <p:txBody>
            <a:bodyPr rtlCol="0" anchor="ctr"/>
            <a:lstStyle/>
            <a:p>
              <a:endParaRPr lang="en-US"/>
            </a:p>
          </p:txBody>
        </p:sp>
        <p:sp>
          <p:nvSpPr>
            <p:cNvPr id="20" name="Freeform 19">
              <a:extLst>
                <a:ext uri="{FF2B5EF4-FFF2-40B4-BE49-F238E27FC236}">
                  <a16:creationId xmlns:a16="http://schemas.microsoft.com/office/drawing/2014/main" id="{B5C34039-DF79-6291-4ACF-EEA429B74B1A}"/>
                </a:ext>
              </a:extLst>
            </p:cNvPr>
            <p:cNvSpPr/>
            <p:nvPr/>
          </p:nvSpPr>
          <p:spPr>
            <a:xfrm>
              <a:off x="3484473" y="4392414"/>
              <a:ext cx="117689" cy="88391"/>
            </a:xfrm>
            <a:custGeom>
              <a:avLst/>
              <a:gdLst>
                <a:gd name="connsiteX0" fmla="*/ 36058 w 117689"/>
                <a:gd name="connsiteY0" fmla="*/ 74390 h 88391"/>
                <a:gd name="connsiteX1" fmla="*/ 81916 w 117689"/>
                <a:gd name="connsiteY1" fmla="*/ 42672 h 88391"/>
                <a:gd name="connsiteX2" fmla="*/ 86864 w 117689"/>
                <a:gd name="connsiteY2" fmla="*/ 43625 h 88391"/>
                <a:gd name="connsiteX3" fmla="*/ 85912 w 117689"/>
                <a:gd name="connsiteY3" fmla="*/ 48577 h 88391"/>
                <a:gd name="connsiteX4" fmla="*/ 45287 w 117689"/>
                <a:gd name="connsiteY4" fmla="*/ 76676 h 88391"/>
                <a:gd name="connsiteX5" fmla="*/ 96473 w 117689"/>
                <a:gd name="connsiteY5" fmla="*/ 85535 h 88391"/>
                <a:gd name="connsiteX6" fmla="*/ 117689 w 117689"/>
                <a:gd name="connsiteY6" fmla="*/ 88392 h 88391"/>
                <a:gd name="connsiteX7" fmla="*/ 91050 w 117689"/>
                <a:gd name="connsiteY7" fmla="*/ 0 h 88391"/>
                <a:gd name="connsiteX8" fmla="*/ 0 w 117689"/>
                <a:gd name="connsiteY8" fmla="*/ 63151 h 88391"/>
                <a:gd name="connsiteX9" fmla="*/ 35868 w 117689"/>
                <a:gd name="connsiteY9" fmla="*/ 74390 h 883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7689" h="88391">
                  <a:moveTo>
                    <a:pt x="36058" y="74390"/>
                  </a:moveTo>
                  <a:lnTo>
                    <a:pt x="81916" y="42672"/>
                  </a:lnTo>
                  <a:cubicBezTo>
                    <a:pt x="83534" y="41529"/>
                    <a:pt x="85722" y="42005"/>
                    <a:pt x="86864" y="43625"/>
                  </a:cubicBezTo>
                  <a:cubicBezTo>
                    <a:pt x="88005" y="45244"/>
                    <a:pt x="87530" y="47435"/>
                    <a:pt x="85912" y="48577"/>
                  </a:cubicBezTo>
                  <a:lnTo>
                    <a:pt x="45287" y="76676"/>
                  </a:lnTo>
                  <a:cubicBezTo>
                    <a:pt x="63078" y="80677"/>
                    <a:pt x="80489" y="83344"/>
                    <a:pt x="96473" y="85535"/>
                  </a:cubicBezTo>
                  <a:cubicBezTo>
                    <a:pt x="103228" y="86487"/>
                    <a:pt x="110554" y="87440"/>
                    <a:pt x="117689" y="88392"/>
                  </a:cubicBezTo>
                  <a:cubicBezTo>
                    <a:pt x="108936" y="56864"/>
                    <a:pt x="99803" y="26003"/>
                    <a:pt x="91050" y="0"/>
                  </a:cubicBezTo>
                  <a:lnTo>
                    <a:pt x="0" y="63151"/>
                  </a:lnTo>
                  <a:cubicBezTo>
                    <a:pt x="11893" y="67723"/>
                    <a:pt x="23880" y="71438"/>
                    <a:pt x="35868" y="74390"/>
                  </a:cubicBezTo>
                  <a:close/>
                </a:path>
              </a:pathLst>
            </a:custGeom>
            <a:noFill/>
            <a:ln w="9492" cap="flat">
              <a:noFill/>
              <a:prstDash val="solid"/>
              <a:miter/>
            </a:ln>
          </p:spPr>
          <p:txBody>
            <a:bodyPr rtlCol="0" anchor="ctr"/>
            <a:lstStyle/>
            <a:p>
              <a:endParaRPr lang="en-US"/>
            </a:p>
          </p:txBody>
        </p:sp>
        <p:sp>
          <p:nvSpPr>
            <p:cNvPr id="21" name="Freeform 20">
              <a:extLst>
                <a:ext uri="{FF2B5EF4-FFF2-40B4-BE49-F238E27FC236}">
                  <a16:creationId xmlns:a16="http://schemas.microsoft.com/office/drawing/2014/main" id="{0AE7E5D0-CA0A-BB45-A1A2-650B36C1B65A}"/>
                </a:ext>
              </a:extLst>
            </p:cNvPr>
            <p:cNvSpPr/>
            <p:nvPr/>
          </p:nvSpPr>
          <p:spPr>
            <a:xfrm>
              <a:off x="4170915" y="3988649"/>
              <a:ext cx="152796" cy="144779"/>
            </a:xfrm>
            <a:custGeom>
              <a:avLst/>
              <a:gdLst>
                <a:gd name="connsiteX0" fmla="*/ 32824 w 152796"/>
                <a:gd name="connsiteY0" fmla="*/ 140494 h 144779"/>
                <a:gd name="connsiteX1" fmla="*/ 34536 w 152796"/>
                <a:gd name="connsiteY1" fmla="*/ 144780 h 144779"/>
                <a:gd name="connsiteX2" fmla="*/ 95521 w 152796"/>
                <a:gd name="connsiteY2" fmla="*/ 114014 h 144779"/>
                <a:gd name="connsiteX3" fmla="*/ 116452 w 152796"/>
                <a:gd name="connsiteY3" fmla="*/ 101632 h 144779"/>
                <a:gd name="connsiteX4" fmla="*/ 43670 w 152796"/>
                <a:gd name="connsiteY4" fmla="*/ 64389 h 144779"/>
                <a:gd name="connsiteX5" fmla="*/ 42147 w 152796"/>
                <a:gd name="connsiteY5" fmla="*/ 59627 h 144779"/>
                <a:gd name="connsiteX6" fmla="*/ 46904 w 152796"/>
                <a:gd name="connsiteY6" fmla="*/ 58102 h 144779"/>
                <a:gd name="connsiteX7" fmla="*/ 123683 w 152796"/>
                <a:gd name="connsiteY7" fmla="*/ 97346 h 144779"/>
                <a:gd name="connsiteX8" fmla="*/ 152796 w 152796"/>
                <a:gd name="connsiteY8" fmla="*/ 78391 h 144779"/>
                <a:gd name="connsiteX9" fmla="*/ 0 w 152796"/>
                <a:gd name="connsiteY9" fmla="*/ 0 h 144779"/>
                <a:gd name="connsiteX10" fmla="*/ 32824 w 152796"/>
                <a:gd name="connsiteY10" fmla="*/ 140589 h 1447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2796" h="144779">
                  <a:moveTo>
                    <a:pt x="32824" y="140494"/>
                  </a:moveTo>
                  <a:cubicBezTo>
                    <a:pt x="33394" y="141923"/>
                    <a:pt x="33965" y="143351"/>
                    <a:pt x="34536" y="144780"/>
                  </a:cubicBezTo>
                  <a:cubicBezTo>
                    <a:pt x="45668" y="139637"/>
                    <a:pt x="75352" y="125825"/>
                    <a:pt x="95521" y="114014"/>
                  </a:cubicBezTo>
                  <a:cubicBezTo>
                    <a:pt x="102372" y="110014"/>
                    <a:pt x="109412" y="105823"/>
                    <a:pt x="116452" y="101632"/>
                  </a:cubicBezTo>
                  <a:lnTo>
                    <a:pt x="43670" y="64389"/>
                  </a:lnTo>
                  <a:cubicBezTo>
                    <a:pt x="41957" y="63532"/>
                    <a:pt x="41196" y="61341"/>
                    <a:pt x="42147" y="59627"/>
                  </a:cubicBezTo>
                  <a:cubicBezTo>
                    <a:pt x="43004" y="57912"/>
                    <a:pt x="45192" y="57150"/>
                    <a:pt x="46904" y="58102"/>
                  </a:cubicBezTo>
                  <a:lnTo>
                    <a:pt x="123683" y="97346"/>
                  </a:lnTo>
                  <a:cubicBezTo>
                    <a:pt x="133483" y="91345"/>
                    <a:pt x="143282" y="85058"/>
                    <a:pt x="152796" y="78391"/>
                  </a:cubicBezTo>
                  <a:lnTo>
                    <a:pt x="0" y="0"/>
                  </a:lnTo>
                  <a:cubicBezTo>
                    <a:pt x="1903" y="49340"/>
                    <a:pt x="16935" y="98203"/>
                    <a:pt x="32824" y="140589"/>
                  </a:cubicBezTo>
                  <a:close/>
                </a:path>
              </a:pathLst>
            </a:custGeom>
            <a:noFill/>
            <a:ln w="9492" cap="flat">
              <a:noFill/>
              <a:prstDash val="solid"/>
              <a:miter/>
            </a:ln>
          </p:spPr>
          <p:txBody>
            <a:bodyPr rtlCol="0" anchor="ctr"/>
            <a:lstStyle/>
            <a:p>
              <a:endParaRPr lang="en-US"/>
            </a:p>
          </p:txBody>
        </p:sp>
        <p:sp>
          <p:nvSpPr>
            <p:cNvPr id="22" name="Freeform 21">
              <a:extLst>
                <a:ext uri="{FF2B5EF4-FFF2-40B4-BE49-F238E27FC236}">
                  <a16:creationId xmlns:a16="http://schemas.microsoft.com/office/drawing/2014/main" id="{45A20A92-1556-DB02-26C2-AC129B073CA6}"/>
                </a:ext>
              </a:extLst>
            </p:cNvPr>
            <p:cNvSpPr/>
            <p:nvPr/>
          </p:nvSpPr>
          <p:spPr>
            <a:xfrm>
              <a:off x="3624520" y="3641558"/>
              <a:ext cx="136812" cy="116585"/>
            </a:xfrm>
            <a:custGeom>
              <a:avLst/>
              <a:gdLst>
                <a:gd name="connsiteX0" fmla="*/ 60510 w 136812"/>
                <a:gd name="connsiteY0" fmla="*/ 112776 h 116585"/>
                <a:gd name="connsiteX1" fmla="*/ 63174 w 136812"/>
                <a:gd name="connsiteY1" fmla="*/ 116586 h 116585"/>
                <a:gd name="connsiteX2" fmla="*/ 107319 w 136812"/>
                <a:gd name="connsiteY2" fmla="*/ 79439 h 116585"/>
                <a:gd name="connsiteX3" fmla="*/ 58702 w 136812"/>
                <a:gd name="connsiteY3" fmla="*/ 61436 h 116585"/>
                <a:gd name="connsiteX4" fmla="*/ 56609 w 136812"/>
                <a:gd name="connsiteY4" fmla="*/ 56864 h 116585"/>
                <a:gd name="connsiteX5" fmla="*/ 61176 w 136812"/>
                <a:gd name="connsiteY5" fmla="*/ 54769 h 116585"/>
                <a:gd name="connsiteX6" fmla="*/ 113027 w 136812"/>
                <a:gd name="connsiteY6" fmla="*/ 74009 h 116585"/>
                <a:gd name="connsiteX7" fmla="*/ 115025 w 136812"/>
                <a:gd name="connsiteY7" fmla="*/ 72104 h 116585"/>
                <a:gd name="connsiteX8" fmla="*/ 136813 w 136812"/>
                <a:gd name="connsiteY8" fmla="*/ 50006 h 116585"/>
                <a:gd name="connsiteX9" fmla="*/ 0 w 136812"/>
                <a:gd name="connsiteY9" fmla="*/ 0 h 116585"/>
                <a:gd name="connsiteX10" fmla="*/ 60510 w 136812"/>
                <a:gd name="connsiteY10" fmla="*/ 112871 h 1165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36812" h="116585">
                  <a:moveTo>
                    <a:pt x="60510" y="112776"/>
                  </a:moveTo>
                  <a:cubicBezTo>
                    <a:pt x="61366" y="114110"/>
                    <a:pt x="62317" y="115348"/>
                    <a:pt x="63174" y="116586"/>
                  </a:cubicBezTo>
                  <a:cubicBezTo>
                    <a:pt x="71451" y="110109"/>
                    <a:pt x="91430" y="94298"/>
                    <a:pt x="107319" y="79439"/>
                  </a:cubicBezTo>
                  <a:lnTo>
                    <a:pt x="58702" y="61436"/>
                  </a:lnTo>
                  <a:cubicBezTo>
                    <a:pt x="56894" y="60769"/>
                    <a:pt x="55943" y="58674"/>
                    <a:pt x="56609" y="56864"/>
                  </a:cubicBezTo>
                  <a:cubicBezTo>
                    <a:pt x="57275" y="55055"/>
                    <a:pt x="59368" y="54102"/>
                    <a:pt x="61176" y="54769"/>
                  </a:cubicBezTo>
                  <a:lnTo>
                    <a:pt x="113027" y="74009"/>
                  </a:lnTo>
                  <a:cubicBezTo>
                    <a:pt x="113693" y="73343"/>
                    <a:pt x="114359" y="72676"/>
                    <a:pt x="115025" y="72104"/>
                  </a:cubicBezTo>
                  <a:cubicBezTo>
                    <a:pt x="122066" y="64961"/>
                    <a:pt x="129392" y="57626"/>
                    <a:pt x="136813" y="50006"/>
                  </a:cubicBezTo>
                  <a:lnTo>
                    <a:pt x="0" y="0"/>
                  </a:lnTo>
                  <a:cubicBezTo>
                    <a:pt x="14557" y="41434"/>
                    <a:pt x="37771" y="79629"/>
                    <a:pt x="60510" y="112871"/>
                  </a:cubicBezTo>
                  <a:close/>
                </a:path>
              </a:pathLst>
            </a:custGeom>
            <a:noFill/>
            <a:ln w="9492" cap="flat">
              <a:noFill/>
              <a:prstDash val="solid"/>
              <a:miter/>
            </a:ln>
          </p:spPr>
          <p:txBody>
            <a:bodyPr rtlCol="0" anchor="ctr"/>
            <a:lstStyle/>
            <a:p>
              <a:endParaRPr lang="en-US"/>
            </a:p>
          </p:txBody>
        </p:sp>
        <p:sp>
          <p:nvSpPr>
            <p:cNvPr id="23" name="Freeform 22">
              <a:extLst>
                <a:ext uri="{FF2B5EF4-FFF2-40B4-BE49-F238E27FC236}">
                  <a16:creationId xmlns:a16="http://schemas.microsoft.com/office/drawing/2014/main" id="{6C4BADAB-F6CC-83E6-F3D6-C7E9D1D78095}"/>
                </a:ext>
              </a:extLst>
            </p:cNvPr>
            <p:cNvSpPr/>
            <p:nvPr/>
          </p:nvSpPr>
          <p:spPr>
            <a:xfrm>
              <a:off x="3612913" y="3597172"/>
              <a:ext cx="175725" cy="88773"/>
            </a:xfrm>
            <a:custGeom>
              <a:avLst/>
              <a:gdLst>
                <a:gd name="connsiteX0" fmla="*/ 8658 w 175725"/>
                <a:gd name="connsiteY0" fmla="*/ 35719 h 88773"/>
                <a:gd name="connsiteX1" fmla="*/ 153748 w 175725"/>
                <a:gd name="connsiteY1" fmla="*/ 88773 h 88773"/>
                <a:gd name="connsiteX2" fmla="*/ 175725 w 175725"/>
                <a:gd name="connsiteY2" fmla="*/ 64389 h 88773"/>
                <a:gd name="connsiteX3" fmla="*/ 0 w 175725"/>
                <a:gd name="connsiteY3" fmla="*/ 0 h 88773"/>
                <a:gd name="connsiteX4" fmla="*/ 8563 w 175725"/>
                <a:gd name="connsiteY4" fmla="*/ 35719 h 8877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5725" h="88773">
                  <a:moveTo>
                    <a:pt x="8658" y="35719"/>
                  </a:moveTo>
                  <a:lnTo>
                    <a:pt x="153748" y="88773"/>
                  </a:lnTo>
                  <a:cubicBezTo>
                    <a:pt x="161169" y="80963"/>
                    <a:pt x="168590" y="72866"/>
                    <a:pt x="175725" y="64389"/>
                  </a:cubicBezTo>
                  <a:lnTo>
                    <a:pt x="0" y="0"/>
                  </a:lnTo>
                  <a:cubicBezTo>
                    <a:pt x="1998" y="12097"/>
                    <a:pt x="4947" y="24003"/>
                    <a:pt x="8563" y="35719"/>
                  </a:cubicBezTo>
                  <a:close/>
                </a:path>
              </a:pathLst>
            </a:custGeom>
            <a:noFill/>
            <a:ln w="9492" cap="flat">
              <a:noFill/>
              <a:prstDash val="solid"/>
              <a:miter/>
            </a:ln>
          </p:spPr>
          <p:txBody>
            <a:bodyPr rtlCol="0" anchor="ctr"/>
            <a:lstStyle/>
            <a:p>
              <a:endParaRPr lang="en-US"/>
            </a:p>
          </p:txBody>
        </p:sp>
        <p:grpSp>
          <p:nvGrpSpPr>
            <p:cNvPr id="24" name="Graphic 12">
              <a:extLst>
                <a:ext uri="{FF2B5EF4-FFF2-40B4-BE49-F238E27FC236}">
                  <a16:creationId xmlns:a16="http://schemas.microsoft.com/office/drawing/2014/main" id="{3E98BA93-26F5-F686-4FDC-79E92C1C999B}"/>
                </a:ext>
              </a:extLst>
            </p:cNvPr>
            <p:cNvGrpSpPr/>
            <p:nvPr/>
          </p:nvGrpSpPr>
          <p:grpSpPr>
            <a:xfrm>
              <a:off x="2994497" y="3446105"/>
              <a:ext cx="1726046" cy="1103852"/>
              <a:chOff x="2994497" y="3446105"/>
              <a:chExt cx="1726046" cy="1103852"/>
            </a:xfrm>
            <a:solidFill>
              <a:srgbClr val="B3B3B3"/>
            </a:solidFill>
          </p:grpSpPr>
          <p:sp>
            <p:nvSpPr>
              <p:cNvPr id="47" name="Freeform 46">
                <a:extLst>
                  <a:ext uri="{FF2B5EF4-FFF2-40B4-BE49-F238E27FC236}">
                    <a16:creationId xmlns:a16="http://schemas.microsoft.com/office/drawing/2014/main" id="{C7C94076-8393-F615-0317-BEC9545E883D}"/>
                  </a:ext>
                </a:extLst>
              </p:cNvPr>
              <p:cNvSpPr/>
              <p:nvPr/>
            </p:nvSpPr>
            <p:spPr>
              <a:xfrm>
                <a:off x="3125143" y="3869682"/>
                <a:ext cx="95313" cy="57530"/>
              </a:xfrm>
              <a:custGeom>
                <a:avLst/>
                <a:gdLst>
                  <a:gd name="connsiteX0" fmla="*/ 1790 w 95313"/>
                  <a:gd name="connsiteY0" fmla="*/ 50863 h 57530"/>
                  <a:gd name="connsiteX1" fmla="*/ 458 w 95313"/>
                  <a:gd name="connsiteY1" fmla="*/ 55721 h 57530"/>
                  <a:gd name="connsiteX2" fmla="*/ 3598 w 95313"/>
                  <a:gd name="connsiteY2" fmla="*/ 57531 h 57530"/>
                  <a:gd name="connsiteX3" fmla="*/ 5310 w 95313"/>
                  <a:gd name="connsiteY3" fmla="*/ 57055 h 57530"/>
                  <a:gd name="connsiteX4" fmla="*/ 95314 w 95313"/>
                  <a:gd name="connsiteY4" fmla="*/ 5905 h 57530"/>
                  <a:gd name="connsiteX5" fmla="*/ 91223 w 95313"/>
                  <a:gd name="connsiteY5" fmla="*/ 0 h 57530"/>
                  <a:gd name="connsiteX6" fmla="*/ 1790 w 95313"/>
                  <a:gd name="connsiteY6" fmla="*/ 50863 h 57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5313" h="57530">
                    <a:moveTo>
                      <a:pt x="1790" y="50863"/>
                    </a:moveTo>
                    <a:cubicBezTo>
                      <a:pt x="78" y="51816"/>
                      <a:pt x="-493" y="54007"/>
                      <a:pt x="458" y="55721"/>
                    </a:cubicBezTo>
                    <a:cubicBezTo>
                      <a:pt x="1124" y="56864"/>
                      <a:pt x="2266" y="57531"/>
                      <a:pt x="3598" y="57531"/>
                    </a:cubicBezTo>
                    <a:cubicBezTo>
                      <a:pt x="4264" y="57531"/>
                      <a:pt x="4835" y="57340"/>
                      <a:pt x="5310" y="57055"/>
                    </a:cubicBezTo>
                    <a:lnTo>
                      <a:pt x="95314" y="5905"/>
                    </a:lnTo>
                    <a:cubicBezTo>
                      <a:pt x="93982" y="3905"/>
                      <a:pt x="92650" y="2000"/>
                      <a:pt x="91223" y="0"/>
                    </a:cubicBezTo>
                    <a:lnTo>
                      <a:pt x="1790" y="50863"/>
                    </a:lnTo>
                    <a:close/>
                  </a:path>
                </a:pathLst>
              </a:custGeom>
              <a:solidFill>
                <a:srgbClr val="B3B3B3"/>
              </a:solidFill>
              <a:ln w="9492" cap="flat">
                <a:noFill/>
                <a:prstDash val="solid"/>
                <a:miter/>
              </a:ln>
            </p:spPr>
            <p:txBody>
              <a:bodyPr rtlCol="0" anchor="ctr"/>
              <a:lstStyle/>
              <a:p>
                <a:endParaRPr lang="en-US"/>
              </a:p>
            </p:txBody>
          </p:sp>
          <p:sp>
            <p:nvSpPr>
              <p:cNvPr id="48" name="Freeform 47">
                <a:extLst>
                  <a:ext uri="{FF2B5EF4-FFF2-40B4-BE49-F238E27FC236}">
                    <a16:creationId xmlns:a16="http://schemas.microsoft.com/office/drawing/2014/main" id="{84911E1D-9C28-3B6C-63E3-445B4290320C}"/>
                  </a:ext>
                </a:extLst>
              </p:cNvPr>
              <p:cNvSpPr/>
              <p:nvPr/>
            </p:nvSpPr>
            <p:spPr>
              <a:xfrm>
                <a:off x="3104783" y="3842250"/>
                <a:ext cx="90937" cy="53625"/>
              </a:xfrm>
              <a:custGeom>
                <a:avLst/>
                <a:gdLst>
                  <a:gd name="connsiteX0" fmla="*/ 1790 w 90937"/>
                  <a:gd name="connsiteY0" fmla="*/ 46958 h 53625"/>
                  <a:gd name="connsiteX1" fmla="*/ 458 w 90937"/>
                  <a:gd name="connsiteY1" fmla="*/ 51816 h 53625"/>
                  <a:gd name="connsiteX2" fmla="*/ 3598 w 90937"/>
                  <a:gd name="connsiteY2" fmla="*/ 53626 h 53625"/>
                  <a:gd name="connsiteX3" fmla="*/ 5311 w 90937"/>
                  <a:gd name="connsiteY3" fmla="*/ 53149 h 53625"/>
                  <a:gd name="connsiteX4" fmla="*/ 89796 w 90937"/>
                  <a:gd name="connsiteY4" fmla="*/ 5905 h 53625"/>
                  <a:gd name="connsiteX5" fmla="*/ 90937 w 90937"/>
                  <a:gd name="connsiteY5" fmla="*/ 4763 h 53625"/>
                  <a:gd name="connsiteX6" fmla="*/ 85609 w 90937"/>
                  <a:gd name="connsiteY6" fmla="*/ 0 h 53625"/>
                  <a:gd name="connsiteX7" fmla="*/ 1790 w 90937"/>
                  <a:gd name="connsiteY7" fmla="*/ 46863 h 536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0937" h="53625">
                    <a:moveTo>
                      <a:pt x="1790" y="46958"/>
                    </a:moveTo>
                    <a:cubicBezTo>
                      <a:pt x="78" y="47911"/>
                      <a:pt x="-493" y="50101"/>
                      <a:pt x="458" y="51816"/>
                    </a:cubicBezTo>
                    <a:cubicBezTo>
                      <a:pt x="1124" y="52959"/>
                      <a:pt x="2266" y="53626"/>
                      <a:pt x="3598" y="53626"/>
                    </a:cubicBezTo>
                    <a:cubicBezTo>
                      <a:pt x="4264" y="53626"/>
                      <a:pt x="4835" y="53435"/>
                      <a:pt x="5311" y="53149"/>
                    </a:cubicBezTo>
                    <a:lnTo>
                      <a:pt x="89796" y="5905"/>
                    </a:lnTo>
                    <a:cubicBezTo>
                      <a:pt x="90271" y="5620"/>
                      <a:pt x="90652" y="5239"/>
                      <a:pt x="90937" y="4763"/>
                    </a:cubicBezTo>
                    <a:cubicBezTo>
                      <a:pt x="89225" y="3143"/>
                      <a:pt x="87417" y="1619"/>
                      <a:pt x="85609" y="0"/>
                    </a:cubicBezTo>
                    <a:lnTo>
                      <a:pt x="1790" y="46863"/>
                    </a:lnTo>
                    <a:close/>
                  </a:path>
                </a:pathLst>
              </a:custGeom>
              <a:solidFill>
                <a:srgbClr val="B3B3B3"/>
              </a:solidFill>
              <a:ln w="9492" cap="flat">
                <a:noFill/>
                <a:prstDash val="solid"/>
                <a:miter/>
              </a:ln>
            </p:spPr>
            <p:txBody>
              <a:bodyPr rtlCol="0" anchor="ctr"/>
              <a:lstStyle/>
              <a:p>
                <a:endParaRPr lang="en-US"/>
              </a:p>
            </p:txBody>
          </p:sp>
          <p:sp>
            <p:nvSpPr>
              <p:cNvPr id="49" name="Freeform 48">
                <a:extLst>
                  <a:ext uri="{FF2B5EF4-FFF2-40B4-BE49-F238E27FC236}">
                    <a16:creationId xmlns:a16="http://schemas.microsoft.com/office/drawing/2014/main" id="{29D2390C-8E54-F3E1-FEE7-51EE3FAD65EF}"/>
                  </a:ext>
                </a:extLst>
              </p:cNvPr>
              <p:cNvSpPr/>
              <p:nvPr/>
            </p:nvSpPr>
            <p:spPr>
              <a:xfrm>
                <a:off x="3204681" y="4062944"/>
                <a:ext cx="49551" cy="34099"/>
              </a:xfrm>
              <a:custGeom>
                <a:avLst/>
                <a:gdLst>
                  <a:gd name="connsiteX0" fmla="*/ 363 w 49551"/>
                  <a:gd name="connsiteY0" fmla="*/ 32290 h 34099"/>
                  <a:gd name="connsiteX1" fmla="*/ 3503 w 49551"/>
                  <a:gd name="connsiteY1" fmla="*/ 34099 h 34099"/>
                  <a:gd name="connsiteX2" fmla="*/ 5311 w 49551"/>
                  <a:gd name="connsiteY2" fmla="*/ 33623 h 34099"/>
                  <a:gd name="connsiteX3" fmla="*/ 49075 w 49551"/>
                  <a:gd name="connsiteY3" fmla="*/ 8572 h 34099"/>
                  <a:gd name="connsiteX4" fmla="*/ 49551 w 49551"/>
                  <a:gd name="connsiteY4" fmla="*/ 0 h 34099"/>
                  <a:gd name="connsiteX5" fmla="*/ 1790 w 49551"/>
                  <a:gd name="connsiteY5" fmla="*/ 27432 h 34099"/>
                  <a:gd name="connsiteX6" fmla="*/ 458 w 49551"/>
                  <a:gd name="connsiteY6" fmla="*/ 32290 h 340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551" h="34099">
                    <a:moveTo>
                      <a:pt x="363" y="32290"/>
                    </a:moveTo>
                    <a:cubicBezTo>
                      <a:pt x="1029" y="33433"/>
                      <a:pt x="2171" y="34099"/>
                      <a:pt x="3503" y="34099"/>
                    </a:cubicBezTo>
                    <a:cubicBezTo>
                      <a:pt x="4169" y="34099"/>
                      <a:pt x="4740" y="33909"/>
                      <a:pt x="5311" y="33623"/>
                    </a:cubicBezTo>
                    <a:lnTo>
                      <a:pt x="49075" y="8572"/>
                    </a:lnTo>
                    <a:cubicBezTo>
                      <a:pt x="49266" y="5620"/>
                      <a:pt x="49456" y="2857"/>
                      <a:pt x="49551" y="0"/>
                    </a:cubicBezTo>
                    <a:lnTo>
                      <a:pt x="1790" y="27432"/>
                    </a:lnTo>
                    <a:cubicBezTo>
                      <a:pt x="78" y="28384"/>
                      <a:pt x="-493" y="30575"/>
                      <a:pt x="458" y="32290"/>
                    </a:cubicBezTo>
                    <a:close/>
                  </a:path>
                </a:pathLst>
              </a:custGeom>
              <a:solidFill>
                <a:srgbClr val="B3B3B3"/>
              </a:solidFill>
              <a:ln w="9492" cap="flat">
                <a:noFill/>
                <a:prstDash val="solid"/>
                <a:miter/>
              </a:ln>
            </p:spPr>
            <p:txBody>
              <a:bodyPr rtlCol="0" anchor="ctr"/>
              <a:lstStyle/>
              <a:p>
                <a:endParaRPr lang="en-US"/>
              </a:p>
            </p:txBody>
          </p:sp>
          <p:sp>
            <p:nvSpPr>
              <p:cNvPr id="50" name="Freeform 49">
                <a:extLst>
                  <a:ext uri="{FF2B5EF4-FFF2-40B4-BE49-F238E27FC236}">
                    <a16:creationId xmlns:a16="http://schemas.microsoft.com/office/drawing/2014/main" id="{5281632F-404B-9A90-56D7-77FB3E478334}"/>
                  </a:ext>
                </a:extLst>
              </p:cNvPr>
              <p:cNvSpPr/>
              <p:nvPr/>
            </p:nvSpPr>
            <p:spPr>
              <a:xfrm>
                <a:off x="3134545" y="4019605"/>
                <a:ext cx="120828" cy="71913"/>
              </a:xfrm>
              <a:custGeom>
                <a:avLst/>
                <a:gdLst>
                  <a:gd name="connsiteX0" fmla="*/ 8563 w 120828"/>
                  <a:gd name="connsiteY0" fmla="*/ 71914 h 71913"/>
                  <a:gd name="connsiteX1" fmla="*/ 120734 w 120828"/>
                  <a:gd name="connsiteY1" fmla="*/ 8287 h 71913"/>
                  <a:gd name="connsiteX2" fmla="*/ 120829 w 120828"/>
                  <a:gd name="connsiteY2" fmla="*/ 0 h 71913"/>
                  <a:gd name="connsiteX3" fmla="*/ 0 w 120828"/>
                  <a:gd name="connsiteY3" fmla="*/ 68580 h 71913"/>
                  <a:gd name="connsiteX4" fmla="*/ 8563 w 120828"/>
                  <a:gd name="connsiteY4" fmla="*/ 71914 h 719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0828" h="71913">
                    <a:moveTo>
                      <a:pt x="8563" y="71914"/>
                    </a:moveTo>
                    <a:lnTo>
                      <a:pt x="120734" y="8287"/>
                    </a:lnTo>
                    <a:cubicBezTo>
                      <a:pt x="120734" y="5525"/>
                      <a:pt x="120734" y="2762"/>
                      <a:pt x="120829" y="0"/>
                    </a:cubicBezTo>
                    <a:lnTo>
                      <a:pt x="0" y="68580"/>
                    </a:lnTo>
                    <a:cubicBezTo>
                      <a:pt x="2854" y="69723"/>
                      <a:pt x="5708" y="70771"/>
                      <a:pt x="8563" y="71914"/>
                    </a:cubicBezTo>
                    <a:close/>
                  </a:path>
                </a:pathLst>
              </a:custGeom>
              <a:solidFill>
                <a:srgbClr val="B3B3B3"/>
              </a:solidFill>
              <a:ln w="9492" cap="flat">
                <a:noFill/>
                <a:prstDash val="solid"/>
                <a:miter/>
              </a:ln>
            </p:spPr>
            <p:txBody>
              <a:bodyPr rtlCol="0" anchor="ctr"/>
              <a:lstStyle/>
              <a:p>
                <a:endParaRPr lang="en-US"/>
              </a:p>
            </p:txBody>
          </p:sp>
          <p:sp>
            <p:nvSpPr>
              <p:cNvPr id="51" name="Freeform 50">
                <a:extLst>
                  <a:ext uri="{FF2B5EF4-FFF2-40B4-BE49-F238E27FC236}">
                    <a16:creationId xmlns:a16="http://schemas.microsoft.com/office/drawing/2014/main" id="{4A6461A0-48F6-3A97-92B3-585E51342BF4}"/>
                  </a:ext>
                </a:extLst>
              </p:cNvPr>
              <p:cNvSpPr/>
              <p:nvPr/>
            </p:nvSpPr>
            <p:spPr>
              <a:xfrm>
                <a:off x="3091826" y="3977315"/>
                <a:ext cx="162786" cy="95916"/>
              </a:xfrm>
              <a:custGeom>
                <a:avLst/>
                <a:gdLst>
                  <a:gd name="connsiteX0" fmla="*/ 7897 w 162786"/>
                  <a:gd name="connsiteY0" fmla="*/ 95917 h 95916"/>
                  <a:gd name="connsiteX1" fmla="*/ 162786 w 162786"/>
                  <a:gd name="connsiteY1" fmla="*/ 7906 h 95916"/>
                  <a:gd name="connsiteX2" fmla="*/ 162215 w 162786"/>
                  <a:gd name="connsiteY2" fmla="*/ 0 h 95916"/>
                  <a:gd name="connsiteX3" fmla="*/ 0 w 162786"/>
                  <a:gd name="connsiteY3" fmla="*/ 92202 h 95916"/>
                  <a:gd name="connsiteX4" fmla="*/ 7897 w 162786"/>
                  <a:gd name="connsiteY4" fmla="*/ 95917 h 9591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2786" h="95916">
                    <a:moveTo>
                      <a:pt x="7897" y="95917"/>
                    </a:moveTo>
                    <a:lnTo>
                      <a:pt x="162786" y="7906"/>
                    </a:lnTo>
                    <a:cubicBezTo>
                      <a:pt x="162596" y="5239"/>
                      <a:pt x="162406" y="2667"/>
                      <a:pt x="162215" y="0"/>
                    </a:cubicBezTo>
                    <a:lnTo>
                      <a:pt x="0" y="92202"/>
                    </a:lnTo>
                    <a:cubicBezTo>
                      <a:pt x="2664" y="93535"/>
                      <a:pt x="5328" y="94678"/>
                      <a:pt x="7897" y="95917"/>
                    </a:cubicBezTo>
                    <a:close/>
                  </a:path>
                </a:pathLst>
              </a:custGeom>
              <a:solidFill>
                <a:srgbClr val="B3B3B3"/>
              </a:solidFill>
              <a:ln w="9492" cap="flat">
                <a:noFill/>
                <a:prstDash val="solid"/>
                <a:miter/>
              </a:ln>
            </p:spPr>
            <p:txBody>
              <a:bodyPr rtlCol="0" anchor="ctr"/>
              <a:lstStyle/>
              <a:p>
                <a:endParaRPr lang="en-US"/>
              </a:p>
            </p:txBody>
          </p:sp>
          <p:sp>
            <p:nvSpPr>
              <p:cNvPr id="52" name="Freeform 51">
                <a:extLst>
                  <a:ext uri="{FF2B5EF4-FFF2-40B4-BE49-F238E27FC236}">
                    <a16:creationId xmlns:a16="http://schemas.microsoft.com/office/drawing/2014/main" id="{7D1B47CD-DF25-B88C-F7CF-91E4FC104668}"/>
                  </a:ext>
                </a:extLst>
              </p:cNvPr>
              <p:cNvSpPr/>
              <p:nvPr/>
            </p:nvSpPr>
            <p:spPr>
              <a:xfrm>
                <a:off x="3057195" y="3938262"/>
                <a:ext cx="192279" cy="113157"/>
              </a:xfrm>
              <a:custGeom>
                <a:avLst/>
                <a:gdLst>
                  <a:gd name="connsiteX0" fmla="*/ 192280 w 192279"/>
                  <a:gd name="connsiteY0" fmla="*/ 7239 h 113157"/>
                  <a:gd name="connsiteX1" fmla="*/ 190472 w 192279"/>
                  <a:gd name="connsiteY1" fmla="*/ 0 h 113157"/>
                  <a:gd name="connsiteX2" fmla="*/ 0 w 192279"/>
                  <a:gd name="connsiteY2" fmla="*/ 108299 h 113157"/>
                  <a:gd name="connsiteX3" fmla="*/ 5804 w 192279"/>
                  <a:gd name="connsiteY3" fmla="*/ 113157 h 113157"/>
                  <a:gd name="connsiteX4" fmla="*/ 192280 w 192279"/>
                  <a:gd name="connsiteY4" fmla="*/ 7144 h 11315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2279" h="113157">
                    <a:moveTo>
                      <a:pt x="192280" y="7239"/>
                    </a:moveTo>
                    <a:cubicBezTo>
                      <a:pt x="191804" y="4858"/>
                      <a:pt x="191043" y="2477"/>
                      <a:pt x="190472" y="0"/>
                    </a:cubicBezTo>
                    <a:lnTo>
                      <a:pt x="0" y="108299"/>
                    </a:lnTo>
                    <a:cubicBezTo>
                      <a:pt x="1903" y="110014"/>
                      <a:pt x="3901" y="111633"/>
                      <a:pt x="5804" y="113157"/>
                    </a:cubicBezTo>
                    <a:lnTo>
                      <a:pt x="192280" y="7144"/>
                    </a:lnTo>
                    <a:close/>
                  </a:path>
                </a:pathLst>
              </a:custGeom>
              <a:solidFill>
                <a:srgbClr val="B3B3B3"/>
              </a:solidFill>
              <a:ln w="9492" cap="flat">
                <a:noFill/>
                <a:prstDash val="solid"/>
                <a:miter/>
              </a:ln>
            </p:spPr>
            <p:txBody>
              <a:bodyPr rtlCol="0" anchor="ctr"/>
              <a:lstStyle/>
              <a:p>
                <a:endParaRPr lang="en-US"/>
              </a:p>
            </p:txBody>
          </p:sp>
          <p:sp>
            <p:nvSpPr>
              <p:cNvPr id="53" name="Freeform 52">
                <a:extLst>
                  <a:ext uri="{FF2B5EF4-FFF2-40B4-BE49-F238E27FC236}">
                    <a16:creationId xmlns:a16="http://schemas.microsoft.com/office/drawing/2014/main" id="{AADD9E47-6849-084D-9D97-9A8BFBBABAE9}"/>
                  </a:ext>
                </a:extLst>
              </p:cNvPr>
              <p:cNvSpPr/>
              <p:nvPr/>
            </p:nvSpPr>
            <p:spPr>
              <a:xfrm>
                <a:off x="3030461" y="3995048"/>
                <a:ext cx="45840" cy="29129"/>
              </a:xfrm>
              <a:custGeom>
                <a:avLst/>
                <a:gdLst>
                  <a:gd name="connsiteX0" fmla="*/ 44050 w 45840"/>
                  <a:gd name="connsiteY0" fmla="*/ 6650 h 29129"/>
                  <a:gd name="connsiteX1" fmla="*/ 45382 w 45840"/>
                  <a:gd name="connsiteY1" fmla="*/ 1792 h 29129"/>
                  <a:gd name="connsiteX2" fmla="*/ 40530 w 45840"/>
                  <a:gd name="connsiteY2" fmla="*/ 459 h 29129"/>
                  <a:gd name="connsiteX3" fmla="*/ 0 w 45840"/>
                  <a:gd name="connsiteY3" fmla="*/ 23509 h 29129"/>
                  <a:gd name="connsiteX4" fmla="*/ 4567 w 45840"/>
                  <a:gd name="connsiteY4" fmla="*/ 29129 h 29129"/>
                  <a:gd name="connsiteX5" fmla="*/ 44050 w 45840"/>
                  <a:gd name="connsiteY5" fmla="*/ 6650 h 29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5840" h="29129">
                    <a:moveTo>
                      <a:pt x="44050" y="6650"/>
                    </a:moveTo>
                    <a:cubicBezTo>
                      <a:pt x="45763" y="5698"/>
                      <a:pt x="46334" y="3507"/>
                      <a:pt x="45382" y="1792"/>
                    </a:cubicBezTo>
                    <a:cubicBezTo>
                      <a:pt x="44431" y="78"/>
                      <a:pt x="42243" y="-494"/>
                      <a:pt x="40530" y="459"/>
                    </a:cubicBezTo>
                    <a:lnTo>
                      <a:pt x="0" y="23509"/>
                    </a:lnTo>
                    <a:cubicBezTo>
                      <a:pt x="1522" y="25414"/>
                      <a:pt x="3045" y="27319"/>
                      <a:pt x="4567" y="29129"/>
                    </a:cubicBezTo>
                    <a:lnTo>
                      <a:pt x="44050" y="6650"/>
                    </a:lnTo>
                    <a:close/>
                  </a:path>
                </a:pathLst>
              </a:custGeom>
              <a:solidFill>
                <a:srgbClr val="B3B3B3"/>
              </a:solidFill>
              <a:ln w="9492" cap="flat">
                <a:noFill/>
                <a:prstDash val="solid"/>
                <a:miter/>
              </a:ln>
            </p:spPr>
            <p:txBody>
              <a:bodyPr rtlCol="0" anchor="ctr"/>
              <a:lstStyle/>
              <a:p>
                <a:endParaRPr lang="en-US"/>
              </a:p>
            </p:txBody>
          </p:sp>
          <p:sp>
            <p:nvSpPr>
              <p:cNvPr id="54" name="Freeform 53">
                <a:extLst>
                  <a:ext uri="{FF2B5EF4-FFF2-40B4-BE49-F238E27FC236}">
                    <a16:creationId xmlns:a16="http://schemas.microsoft.com/office/drawing/2014/main" id="{C8CFC3C1-A5C1-D3DA-CB5C-E65484E015FC}"/>
                  </a:ext>
                </a:extLst>
              </p:cNvPr>
              <p:cNvSpPr/>
              <p:nvPr/>
            </p:nvSpPr>
            <p:spPr>
              <a:xfrm>
                <a:off x="3010005" y="3965426"/>
                <a:ext cx="42415" cy="27986"/>
              </a:xfrm>
              <a:custGeom>
                <a:avLst/>
                <a:gdLst>
                  <a:gd name="connsiteX0" fmla="*/ 40625 w 42415"/>
                  <a:gd name="connsiteY0" fmla="*/ 6650 h 27986"/>
                  <a:gd name="connsiteX1" fmla="*/ 41957 w 42415"/>
                  <a:gd name="connsiteY1" fmla="*/ 1792 h 27986"/>
                  <a:gd name="connsiteX2" fmla="*/ 37105 w 42415"/>
                  <a:gd name="connsiteY2" fmla="*/ 459 h 27986"/>
                  <a:gd name="connsiteX3" fmla="*/ 0 w 42415"/>
                  <a:gd name="connsiteY3" fmla="*/ 21700 h 27986"/>
                  <a:gd name="connsiteX4" fmla="*/ 3330 w 42415"/>
                  <a:gd name="connsiteY4" fmla="*/ 27986 h 27986"/>
                  <a:gd name="connsiteX5" fmla="*/ 40625 w 42415"/>
                  <a:gd name="connsiteY5" fmla="*/ 6650 h 279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2415" h="27986">
                    <a:moveTo>
                      <a:pt x="40625" y="6650"/>
                    </a:moveTo>
                    <a:cubicBezTo>
                      <a:pt x="42338" y="5698"/>
                      <a:pt x="42909" y="3507"/>
                      <a:pt x="41957" y="1792"/>
                    </a:cubicBezTo>
                    <a:cubicBezTo>
                      <a:pt x="41006" y="78"/>
                      <a:pt x="38818" y="-494"/>
                      <a:pt x="37105" y="459"/>
                    </a:cubicBezTo>
                    <a:lnTo>
                      <a:pt x="0" y="21700"/>
                    </a:lnTo>
                    <a:cubicBezTo>
                      <a:pt x="1142" y="23795"/>
                      <a:pt x="2188" y="25986"/>
                      <a:pt x="3330" y="27986"/>
                    </a:cubicBezTo>
                    <a:lnTo>
                      <a:pt x="40625" y="6650"/>
                    </a:lnTo>
                    <a:close/>
                  </a:path>
                </a:pathLst>
              </a:custGeom>
              <a:solidFill>
                <a:srgbClr val="B3B3B3"/>
              </a:solidFill>
              <a:ln w="9492" cap="flat">
                <a:noFill/>
                <a:prstDash val="solid"/>
                <a:miter/>
              </a:ln>
            </p:spPr>
            <p:txBody>
              <a:bodyPr rtlCol="0" anchor="ctr"/>
              <a:lstStyle/>
              <a:p>
                <a:endParaRPr lang="en-US"/>
              </a:p>
            </p:txBody>
          </p:sp>
          <p:sp>
            <p:nvSpPr>
              <p:cNvPr id="55" name="Freeform 54">
                <a:extLst>
                  <a:ext uri="{FF2B5EF4-FFF2-40B4-BE49-F238E27FC236}">
                    <a16:creationId xmlns:a16="http://schemas.microsoft.com/office/drawing/2014/main" id="{8A210F39-8B39-BF32-BEC6-45270CF11A18}"/>
                  </a:ext>
                </a:extLst>
              </p:cNvPr>
              <p:cNvSpPr/>
              <p:nvPr/>
            </p:nvSpPr>
            <p:spPr>
              <a:xfrm>
                <a:off x="2994497" y="3932279"/>
                <a:ext cx="41368" cy="27700"/>
              </a:xfrm>
              <a:custGeom>
                <a:avLst/>
                <a:gdLst>
                  <a:gd name="connsiteX0" fmla="*/ 39579 w 41368"/>
                  <a:gd name="connsiteY0" fmla="*/ 6650 h 27700"/>
                  <a:gd name="connsiteX1" fmla="*/ 40911 w 41368"/>
                  <a:gd name="connsiteY1" fmla="*/ 1792 h 27700"/>
                  <a:gd name="connsiteX2" fmla="*/ 36058 w 41368"/>
                  <a:gd name="connsiteY2" fmla="*/ 459 h 27700"/>
                  <a:gd name="connsiteX3" fmla="*/ 0 w 41368"/>
                  <a:gd name="connsiteY3" fmla="*/ 20938 h 27700"/>
                  <a:gd name="connsiteX4" fmla="*/ 2569 w 41368"/>
                  <a:gd name="connsiteY4" fmla="*/ 27700 h 27700"/>
                  <a:gd name="connsiteX5" fmla="*/ 39579 w 41368"/>
                  <a:gd name="connsiteY5" fmla="*/ 6650 h 277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1368" h="27700">
                    <a:moveTo>
                      <a:pt x="39579" y="6650"/>
                    </a:moveTo>
                    <a:cubicBezTo>
                      <a:pt x="41291" y="5698"/>
                      <a:pt x="41862" y="3507"/>
                      <a:pt x="40911" y="1792"/>
                    </a:cubicBezTo>
                    <a:cubicBezTo>
                      <a:pt x="39959" y="78"/>
                      <a:pt x="37771" y="-494"/>
                      <a:pt x="36058" y="459"/>
                    </a:cubicBezTo>
                    <a:lnTo>
                      <a:pt x="0" y="20938"/>
                    </a:lnTo>
                    <a:cubicBezTo>
                      <a:pt x="856" y="23224"/>
                      <a:pt x="1617" y="25510"/>
                      <a:pt x="2569" y="27700"/>
                    </a:cubicBezTo>
                    <a:lnTo>
                      <a:pt x="39579" y="6650"/>
                    </a:lnTo>
                    <a:close/>
                  </a:path>
                </a:pathLst>
              </a:custGeom>
              <a:solidFill>
                <a:srgbClr val="B3B3B3"/>
              </a:solidFill>
              <a:ln w="9492" cap="flat">
                <a:noFill/>
                <a:prstDash val="solid"/>
                <a:miter/>
              </a:ln>
            </p:spPr>
            <p:txBody>
              <a:bodyPr rtlCol="0" anchor="ctr"/>
              <a:lstStyle/>
              <a:p>
                <a:endParaRPr lang="en-US"/>
              </a:p>
            </p:txBody>
          </p:sp>
          <p:sp>
            <p:nvSpPr>
              <p:cNvPr id="56" name="Freeform 55">
                <a:extLst>
                  <a:ext uri="{FF2B5EF4-FFF2-40B4-BE49-F238E27FC236}">
                    <a16:creationId xmlns:a16="http://schemas.microsoft.com/office/drawing/2014/main" id="{1A71ABB9-BC63-296E-A705-D10F99D3281B}"/>
                  </a:ext>
                </a:extLst>
              </p:cNvPr>
              <p:cNvSpPr/>
              <p:nvPr/>
            </p:nvSpPr>
            <p:spPr>
              <a:xfrm>
                <a:off x="3151878" y="3901876"/>
                <a:ext cx="86560" cy="53244"/>
              </a:xfrm>
              <a:custGeom>
                <a:avLst/>
                <a:gdLst>
                  <a:gd name="connsiteX0" fmla="*/ 1790 w 86560"/>
                  <a:gd name="connsiteY0" fmla="*/ 46577 h 53244"/>
                  <a:gd name="connsiteX1" fmla="*/ 458 w 86560"/>
                  <a:gd name="connsiteY1" fmla="*/ 51435 h 53244"/>
                  <a:gd name="connsiteX2" fmla="*/ 3598 w 86560"/>
                  <a:gd name="connsiteY2" fmla="*/ 53245 h 53244"/>
                  <a:gd name="connsiteX3" fmla="*/ 5311 w 86560"/>
                  <a:gd name="connsiteY3" fmla="*/ 52769 h 53244"/>
                  <a:gd name="connsiteX4" fmla="*/ 86561 w 86560"/>
                  <a:gd name="connsiteY4" fmla="*/ 6572 h 53244"/>
                  <a:gd name="connsiteX5" fmla="*/ 83611 w 86560"/>
                  <a:gd name="connsiteY5" fmla="*/ 0 h 53244"/>
                  <a:gd name="connsiteX6" fmla="*/ 1885 w 86560"/>
                  <a:gd name="connsiteY6" fmla="*/ 46482 h 532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560" h="53244">
                    <a:moveTo>
                      <a:pt x="1790" y="46577"/>
                    </a:moveTo>
                    <a:cubicBezTo>
                      <a:pt x="78" y="47530"/>
                      <a:pt x="-493" y="49721"/>
                      <a:pt x="458" y="51435"/>
                    </a:cubicBezTo>
                    <a:cubicBezTo>
                      <a:pt x="1124" y="52578"/>
                      <a:pt x="2266" y="53245"/>
                      <a:pt x="3598" y="53245"/>
                    </a:cubicBezTo>
                    <a:cubicBezTo>
                      <a:pt x="4264" y="53245"/>
                      <a:pt x="4835" y="53054"/>
                      <a:pt x="5311" y="52769"/>
                    </a:cubicBezTo>
                    <a:lnTo>
                      <a:pt x="86561" y="6572"/>
                    </a:lnTo>
                    <a:cubicBezTo>
                      <a:pt x="85609" y="4381"/>
                      <a:pt x="84563" y="2191"/>
                      <a:pt x="83611" y="0"/>
                    </a:cubicBezTo>
                    <a:lnTo>
                      <a:pt x="1885" y="46482"/>
                    </a:lnTo>
                    <a:close/>
                  </a:path>
                </a:pathLst>
              </a:custGeom>
              <a:solidFill>
                <a:srgbClr val="B3B3B3"/>
              </a:solidFill>
              <a:ln w="9492" cap="flat">
                <a:noFill/>
                <a:prstDash val="solid"/>
                <a:miter/>
              </a:ln>
            </p:spPr>
            <p:txBody>
              <a:bodyPr rtlCol="0" anchor="ctr"/>
              <a:lstStyle/>
              <a:p>
                <a:endParaRPr lang="en-US"/>
              </a:p>
            </p:txBody>
          </p:sp>
          <p:sp>
            <p:nvSpPr>
              <p:cNvPr id="57" name="Freeform 56">
                <a:extLst>
                  <a:ext uri="{FF2B5EF4-FFF2-40B4-BE49-F238E27FC236}">
                    <a16:creationId xmlns:a16="http://schemas.microsoft.com/office/drawing/2014/main" id="{769DB5AC-64BC-1084-2415-752267A096A9}"/>
                  </a:ext>
                </a:extLst>
              </p:cNvPr>
              <p:cNvSpPr/>
              <p:nvPr/>
            </p:nvSpPr>
            <p:spPr>
              <a:xfrm>
                <a:off x="3387905" y="4346226"/>
                <a:ext cx="49465" cy="37234"/>
              </a:xfrm>
              <a:custGeom>
                <a:avLst/>
                <a:gdLst>
                  <a:gd name="connsiteX0" fmla="*/ 47951 w 49465"/>
                  <a:gd name="connsiteY0" fmla="*/ 6469 h 37234"/>
                  <a:gd name="connsiteX1" fmla="*/ 48807 w 49465"/>
                  <a:gd name="connsiteY1" fmla="*/ 1516 h 37234"/>
                  <a:gd name="connsiteX2" fmla="*/ 43860 w 49465"/>
                  <a:gd name="connsiteY2" fmla="*/ 659 h 37234"/>
                  <a:gd name="connsiteX3" fmla="*/ 0 w 49465"/>
                  <a:gd name="connsiteY3" fmla="*/ 31139 h 37234"/>
                  <a:gd name="connsiteX4" fmla="*/ 3806 w 49465"/>
                  <a:gd name="connsiteY4" fmla="*/ 37235 h 37234"/>
                  <a:gd name="connsiteX5" fmla="*/ 47951 w 49465"/>
                  <a:gd name="connsiteY5" fmla="*/ 6564 h 372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465" h="37234">
                    <a:moveTo>
                      <a:pt x="47951" y="6469"/>
                    </a:moveTo>
                    <a:cubicBezTo>
                      <a:pt x="49568" y="5326"/>
                      <a:pt x="49949" y="3135"/>
                      <a:pt x="48807" y="1516"/>
                    </a:cubicBezTo>
                    <a:cubicBezTo>
                      <a:pt x="47666" y="-103"/>
                      <a:pt x="45477" y="-484"/>
                      <a:pt x="43860" y="659"/>
                    </a:cubicBezTo>
                    <a:lnTo>
                      <a:pt x="0" y="31139"/>
                    </a:lnTo>
                    <a:cubicBezTo>
                      <a:pt x="1237" y="33234"/>
                      <a:pt x="2474" y="35235"/>
                      <a:pt x="3806" y="37235"/>
                    </a:cubicBezTo>
                    <a:lnTo>
                      <a:pt x="47951" y="6564"/>
                    </a:lnTo>
                    <a:close/>
                  </a:path>
                </a:pathLst>
              </a:custGeom>
              <a:solidFill>
                <a:srgbClr val="B3B3B3"/>
              </a:solidFill>
              <a:ln w="9492" cap="flat">
                <a:noFill/>
                <a:prstDash val="solid"/>
                <a:miter/>
              </a:ln>
            </p:spPr>
            <p:txBody>
              <a:bodyPr rtlCol="0" anchor="ctr"/>
              <a:lstStyle/>
              <a:p>
                <a:endParaRPr lang="en-US"/>
              </a:p>
            </p:txBody>
          </p:sp>
          <p:sp>
            <p:nvSpPr>
              <p:cNvPr id="58" name="Freeform 57">
                <a:extLst>
                  <a:ext uri="{FF2B5EF4-FFF2-40B4-BE49-F238E27FC236}">
                    <a16:creationId xmlns:a16="http://schemas.microsoft.com/office/drawing/2014/main" id="{63A1D843-FBDB-8391-2754-2D8ACDBEAE30}"/>
                  </a:ext>
                </a:extLst>
              </p:cNvPr>
              <p:cNvSpPr/>
              <p:nvPr/>
            </p:nvSpPr>
            <p:spPr>
              <a:xfrm>
                <a:off x="3410358" y="4374683"/>
                <a:ext cx="51390" cy="37447"/>
              </a:xfrm>
              <a:custGeom>
                <a:avLst/>
                <a:gdLst>
                  <a:gd name="connsiteX0" fmla="*/ 5043 w 51390"/>
                  <a:gd name="connsiteY0" fmla="*/ 37448 h 37447"/>
                  <a:gd name="connsiteX1" fmla="*/ 49854 w 51390"/>
                  <a:gd name="connsiteY1" fmla="*/ 6491 h 37447"/>
                  <a:gd name="connsiteX2" fmla="*/ 50805 w 51390"/>
                  <a:gd name="connsiteY2" fmla="*/ 1539 h 37447"/>
                  <a:gd name="connsiteX3" fmla="*/ 45858 w 51390"/>
                  <a:gd name="connsiteY3" fmla="*/ 586 h 37447"/>
                  <a:gd name="connsiteX4" fmla="*/ 0 w 51390"/>
                  <a:gd name="connsiteY4" fmla="*/ 32209 h 37447"/>
                  <a:gd name="connsiteX5" fmla="*/ 5043 w 51390"/>
                  <a:gd name="connsiteY5" fmla="*/ 37352 h 37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390" h="37447">
                    <a:moveTo>
                      <a:pt x="5043" y="37448"/>
                    </a:moveTo>
                    <a:lnTo>
                      <a:pt x="49854" y="6491"/>
                    </a:lnTo>
                    <a:cubicBezTo>
                      <a:pt x="51471" y="5349"/>
                      <a:pt x="51852" y="3158"/>
                      <a:pt x="50805" y="1539"/>
                    </a:cubicBezTo>
                    <a:cubicBezTo>
                      <a:pt x="49664" y="-81"/>
                      <a:pt x="47475" y="-462"/>
                      <a:pt x="45858" y="586"/>
                    </a:cubicBezTo>
                    <a:lnTo>
                      <a:pt x="0" y="32209"/>
                    </a:lnTo>
                    <a:cubicBezTo>
                      <a:pt x="1617" y="34019"/>
                      <a:pt x="3330" y="35733"/>
                      <a:pt x="5043" y="37352"/>
                    </a:cubicBezTo>
                    <a:close/>
                  </a:path>
                </a:pathLst>
              </a:custGeom>
              <a:solidFill>
                <a:srgbClr val="B3B3B3"/>
              </a:solidFill>
              <a:ln w="9492" cap="flat">
                <a:noFill/>
                <a:prstDash val="solid"/>
                <a:miter/>
              </a:ln>
            </p:spPr>
            <p:txBody>
              <a:bodyPr rtlCol="0" anchor="ctr"/>
              <a:lstStyle/>
              <a:p>
                <a:endParaRPr lang="en-US"/>
              </a:p>
            </p:txBody>
          </p:sp>
          <p:sp>
            <p:nvSpPr>
              <p:cNvPr id="59" name="Freeform 58">
                <a:extLst>
                  <a:ext uri="{FF2B5EF4-FFF2-40B4-BE49-F238E27FC236}">
                    <a16:creationId xmlns:a16="http://schemas.microsoft.com/office/drawing/2014/main" id="{E1CF8A07-206A-D549-E937-1CA5291D94F9}"/>
                  </a:ext>
                </a:extLst>
              </p:cNvPr>
              <p:cNvSpPr/>
              <p:nvPr/>
            </p:nvSpPr>
            <p:spPr>
              <a:xfrm>
                <a:off x="3439757" y="4397851"/>
                <a:ext cx="54412" cy="38663"/>
              </a:xfrm>
              <a:custGeom>
                <a:avLst/>
                <a:gdLst>
                  <a:gd name="connsiteX0" fmla="*/ 52898 w 54412"/>
                  <a:gd name="connsiteY0" fmla="*/ 6469 h 38663"/>
                  <a:gd name="connsiteX1" fmla="*/ 53755 w 54412"/>
                  <a:gd name="connsiteY1" fmla="*/ 1516 h 38663"/>
                  <a:gd name="connsiteX2" fmla="*/ 48807 w 54412"/>
                  <a:gd name="connsiteY2" fmla="*/ 659 h 38663"/>
                  <a:gd name="connsiteX3" fmla="*/ 0 w 54412"/>
                  <a:gd name="connsiteY3" fmla="*/ 34473 h 38663"/>
                  <a:gd name="connsiteX4" fmla="*/ 6470 w 54412"/>
                  <a:gd name="connsiteY4" fmla="*/ 38664 h 38663"/>
                  <a:gd name="connsiteX5" fmla="*/ 52898 w 54412"/>
                  <a:gd name="connsiteY5" fmla="*/ 6469 h 386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4412" h="38663">
                    <a:moveTo>
                      <a:pt x="52898" y="6469"/>
                    </a:moveTo>
                    <a:cubicBezTo>
                      <a:pt x="54516" y="5326"/>
                      <a:pt x="54896" y="3135"/>
                      <a:pt x="53755" y="1516"/>
                    </a:cubicBezTo>
                    <a:cubicBezTo>
                      <a:pt x="52613" y="-103"/>
                      <a:pt x="50425" y="-484"/>
                      <a:pt x="48807" y="659"/>
                    </a:cubicBezTo>
                    <a:lnTo>
                      <a:pt x="0" y="34473"/>
                    </a:lnTo>
                    <a:cubicBezTo>
                      <a:pt x="2093" y="35901"/>
                      <a:pt x="4281" y="37330"/>
                      <a:pt x="6470" y="38664"/>
                    </a:cubicBezTo>
                    <a:lnTo>
                      <a:pt x="52898" y="6469"/>
                    </a:lnTo>
                    <a:close/>
                  </a:path>
                </a:pathLst>
              </a:custGeom>
              <a:solidFill>
                <a:srgbClr val="B3B3B3"/>
              </a:solidFill>
              <a:ln w="9492" cap="flat">
                <a:noFill/>
                <a:prstDash val="solid"/>
                <a:miter/>
              </a:ln>
            </p:spPr>
            <p:txBody>
              <a:bodyPr rtlCol="0" anchor="ctr"/>
              <a:lstStyle/>
              <a:p>
                <a:endParaRPr lang="en-US"/>
              </a:p>
            </p:txBody>
          </p:sp>
          <p:sp>
            <p:nvSpPr>
              <p:cNvPr id="60" name="Freeform 59">
                <a:extLst>
                  <a:ext uri="{FF2B5EF4-FFF2-40B4-BE49-F238E27FC236}">
                    <a16:creationId xmlns:a16="http://schemas.microsoft.com/office/drawing/2014/main" id="{707DB3EA-BC7B-5F01-AA88-B977939EDBD6}"/>
                  </a:ext>
                </a:extLst>
              </p:cNvPr>
              <p:cNvSpPr/>
              <p:nvPr/>
            </p:nvSpPr>
            <p:spPr>
              <a:xfrm>
                <a:off x="3493116" y="4285924"/>
                <a:ext cx="31125" cy="23812"/>
              </a:xfrm>
              <a:custGeom>
                <a:avLst/>
                <a:gdLst>
                  <a:gd name="connsiteX0" fmla="*/ 1537 w 31125"/>
                  <a:gd name="connsiteY0" fmla="*/ 17335 h 23812"/>
                  <a:gd name="connsiteX1" fmla="*/ 585 w 31125"/>
                  <a:gd name="connsiteY1" fmla="*/ 22289 h 23812"/>
                  <a:gd name="connsiteX2" fmla="*/ 3535 w 31125"/>
                  <a:gd name="connsiteY2" fmla="*/ 23813 h 23812"/>
                  <a:gd name="connsiteX3" fmla="*/ 5533 w 31125"/>
                  <a:gd name="connsiteY3" fmla="*/ 23146 h 23812"/>
                  <a:gd name="connsiteX4" fmla="*/ 31126 w 31125"/>
                  <a:gd name="connsiteY4" fmla="*/ 5620 h 23812"/>
                  <a:gd name="connsiteX5" fmla="*/ 26654 w 31125"/>
                  <a:gd name="connsiteY5" fmla="*/ 0 h 23812"/>
                  <a:gd name="connsiteX6" fmla="*/ 1537 w 31125"/>
                  <a:gd name="connsiteY6" fmla="*/ 17240 h 238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1125" h="23812">
                    <a:moveTo>
                      <a:pt x="1537" y="17335"/>
                    </a:moveTo>
                    <a:cubicBezTo>
                      <a:pt x="-81" y="18479"/>
                      <a:pt x="-461" y="20669"/>
                      <a:pt x="585" y="22289"/>
                    </a:cubicBezTo>
                    <a:cubicBezTo>
                      <a:pt x="1251" y="23336"/>
                      <a:pt x="2393" y="23813"/>
                      <a:pt x="3535" y="23813"/>
                    </a:cubicBezTo>
                    <a:cubicBezTo>
                      <a:pt x="4201" y="23813"/>
                      <a:pt x="4962" y="23622"/>
                      <a:pt x="5533" y="23146"/>
                    </a:cubicBezTo>
                    <a:lnTo>
                      <a:pt x="31126" y="5620"/>
                    </a:lnTo>
                    <a:cubicBezTo>
                      <a:pt x="29698" y="3715"/>
                      <a:pt x="28176" y="1905"/>
                      <a:pt x="26654" y="0"/>
                    </a:cubicBezTo>
                    <a:lnTo>
                      <a:pt x="1537" y="17240"/>
                    </a:lnTo>
                    <a:close/>
                  </a:path>
                </a:pathLst>
              </a:custGeom>
              <a:solidFill>
                <a:srgbClr val="B3B3B3"/>
              </a:solidFill>
              <a:ln w="9492" cap="flat">
                <a:noFill/>
                <a:prstDash val="solid"/>
                <a:miter/>
              </a:ln>
            </p:spPr>
            <p:txBody>
              <a:bodyPr rtlCol="0" anchor="ctr"/>
              <a:lstStyle/>
              <a:p>
                <a:endParaRPr lang="en-US"/>
              </a:p>
            </p:txBody>
          </p:sp>
          <p:sp>
            <p:nvSpPr>
              <p:cNvPr id="61" name="Freeform 60">
                <a:extLst>
                  <a:ext uri="{FF2B5EF4-FFF2-40B4-BE49-F238E27FC236}">
                    <a16:creationId xmlns:a16="http://schemas.microsoft.com/office/drawing/2014/main" id="{28DA4D51-808C-F896-1E4C-BA356F060B02}"/>
                  </a:ext>
                </a:extLst>
              </p:cNvPr>
              <p:cNvSpPr/>
              <p:nvPr/>
            </p:nvSpPr>
            <p:spPr>
              <a:xfrm>
                <a:off x="3515379" y="4315928"/>
                <a:ext cx="29698" cy="23526"/>
              </a:xfrm>
              <a:custGeom>
                <a:avLst/>
                <a:gdLst>
                  <a:gd name="connsiteX0" fmla="*/ 1537 w 29698"/>
                  <a:gd name="connsiteY0" fmla="*/ 17050 h 23526"/>
                  <a:gd name="connsiteX1" fmla="*/ 585 w 29698"/>
                  <a:gd name="connsiteY1" fmla="*/ 22003 h 23526"/>
                  <a:gd name="connsiteX2" fmla="*/ 3535 w 29698"/>
                  <a:gd name="connsiteY2" fmla="*/ 23527 h 23526"/>
                  <a:gd name="connsiteX3" fmla="*/ 5533 w 29698"/>
                  <a:gd name="connsiteY3" fmla="*/ 22860 h 23526"/>
                  <a:gd name="connsiteX4" fmla="*/ 29698 w 29698"/>
                  <a:gd name="connsiteY4" fmla="*/ 6096 h 23526"/>
                  <a:gd name="connsiteX5" fmla="*/ 25988 w 29698"/>
                  <a:gd name="connsiteY5" fmla="*/ 0 h 23526"/>
                  <a:gd name="connsiteX6" fmla="*/ 1537 w 29698"/>
                  <a:gd name="connsiteY6" fmla="*/ 16954 h 235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9698" h="23526">
                    <a:moveTo>
                      <a:pt x="1537" y="17050"/>
                    </a:moveTo>
                    <a:cubicBezTo>
                      <a:pt x="-81" y="18193"/>
                      <a:pt x="-461" y="20383"/>
                      <a:pt x="585" y="22003"/>
                    </a:cubicBezTo>
                    <a:cubicBezTo>
                      <a:pt x="1251" y="22955"/>
                      <a:pt x="2393" y="23527"/>
                      <a:pt x="3535" y="23527"/>
                    </a:cubicBezTo>
                    <a:cubicBezTo>
                      <a:pt x="4201" y="23527"/>
                      <a:pt x="4962" y="23336"/>
                      <a:pt x="5533" y="22860"/>
                    </a:cubicBezTo>
                    <a:lnTo>
                      <a:pt x="29698" y="6096"/>
                    </a:lnTo>
                    <a:cubicBezTo>
                      <a:pt x="28462" y="4000"/>
                      <a:pt x="27225" y="2000"/>
                      <a:pt x="25988" y="0"/>
                    </a:cubicBezTo>
                    <a:lnTo>
                      <a:pt x="1537" y="16954"/>
                    </a:lnTo>
                    <a:close/>
                  </a:path>
                </a:pathLst>
              </a:custGeom>
              <a:solidFill>
                <a:srgbClr val="B3B3B3"/>
              </a:solidFill>
              <a:ln w="9492" cap="flat">
                <a:noFill/>
                <a:prstDash val="solid"/>
                <a:miter/>
              </a:ln>
            </p:spPr>
            <p:txBody>
              <a:bodyPr rtlCol="0" anchor="ctr"/>
              <a:lstStyle/>
              <a:p>
                <a:endParaRPr lang="en-US"/>
              </a:p>
            </p:txBody>
          </p:sp>
          <p:sp>
            <p:nvSpPr>
              <p:cNvPr id="62" name="Freeform 61">
                <a:extLst>
                  <a:ext uri="{FF2B5EF4-FFF2-40B4-BE49-F238E27FC236}">
                    <a16:creationId xmlns:a16="http://schemas.microsoft.com/office/drawing/2014/main" id="{DADB6888-C71D-BAF9-F546-3E29E1B29ACC}"/>
                  </a:ext>
                </a:extLst>
              </p:cNvPr>
              <p:cNvSpPr/>
              <p:nvPr/>
            </p:nvSpPr>
            <p:spPr>
              <a:xfrm>
                <a:off x="3541828" y="4349266"/>
                <a:ext cx="20279" cy="17430"/>
              </a:xfrm>
              <a:custGeom>
                <a:avLst/>
                <a:gdLst>
                  <a:gd name="connsiteX0" fmla="*/ 17425 w 20279"/>
                  <a:gd name="connsiteY0" fmla="*/ 95 h 17430"/>
                  <a:gd name="connsiteX1" fmla="*/ 1537 w 20279"/>
                  <a:gd name="connsiteY1" fmla="*/ 10954 h 17430"/>
                  <a:gd name="connsiteX2" fmla="*/ 585 w 20279"/>
                  <a:gd name="connsiteY2" fmla="*/ 15907 h 17430"/>
                  <a:gd name="connsiteX3" fmla="*/ 3535 w 20279"/>
                  <a:gd name="connsiteY3" fmla="*/ 17431 h 17430"/>
                  <a:gd name="connsiteX4" fmla="*/ 5533 w 20279"/>
                  <a:gd name="connsiteY4" fmla="*/ 16764 h 17430"/>
                  <a:gd name="connsiteX5" fmla="*/ 20280 w 20279"/>
                  <a:gd name="connsiteY5" fmla="*/ 6667 h 17430"/>
                  <a:gd name="connsiteX6" fmla="*/ 18852 w 20279"/>
                  <a:gd name="connsiteY6" fmla="*/ 3048 h 17430"/>
                  <a:gd name="connsiteX7" fmla="*/ 17425 w 20279"/>
                  <a:gd name="connsiteY7" fmla="*/ 0 h 174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279" h="17430">
                    <a:moveTo>
                      <a:pt x="17425" y="95"/>
                    </a:moveTo>
                    <a:lnTo>
                      <a:pt x="1537" y="10954"/>
                    </a:lnTo>
                    <a:cubicBezTo>
                      <a:pt x="-81" y="12097"/>
                      <a:pt x="-461" y="14288"/>
                      <a:pt x="585" y="15907"/>
                    </a:cubicBezTo>
                    <a:cubicBezTo>
                      <a:pt x="1251" y="16954"/>
                      <a:pt x="2393" y="17431"/>
                      <a:pt x="3535" y="17431"/>
                    </a:cubicBezTo>
                    <a:cubicBezTo>
                      <a:pt x="4201" y="17431"/>
                      <a:pt x="4962" y="17240"/>
                      <a:pt x="5533" y="16764"/>
                    </a:cubicBezTo>
                    <a:lnTo>
                      <a:pt x="20280" y="6667"/>
                    </a:lnTo>
                    <a:cubicBezTo>
                      <a:pt x="19804" y="5525"/>
                      <a:pt x="19328" y="4191"/>
                      <a:pt x="18852" y="3048"/>
                    </a:cubicBezTo>
                    <a:cubicBezTo>
                      <a:pt x="18377" y="2000"/>
                      <a:pt x="17901" y="952"/>
                      <a:pt x="17425" y="0"/>
                    </a:cubicBezTo>
                    <a:close/>
                  </a:path>
                </a:pathLst>
              </a:custGeom>
              <a:solidFill>
                <a:srgbClr val="B3B3B3"/>
              </a:solidFill>
              <a:ln w="9492" cap="flat">
                <a:noFill/>
                <a:prstDash val="solid"/>
                <a:miter/>
              </a:ln>
            </p:spPr>
            <p:txBody>
              <a:bodyPr rtlCol="0" anchor="ctr"/>
              <a:lstStyle/>
              <a:p>
                <a:endParaRPr lang="en-US"/>
              </a:p>
            </p:txBody>
          </p:sp>
          <p:sp>
            <p:nvSpPr>
              <p:cNvPr id="63" name="Freeform 62">
                <a:extLst>
                  <a:ext uri="{FF2B5EF4-FFF2-40B4-BE49-F238E27FC236}">
                    <a16:creationId xmlns:a16="http://schemas.microsoft.com/office/drawing/2014/main" id="{257BF6FD-8454-5734-8868-2B12BE6F2625}"/>
                  </a:ext>
                </a:extLst>
              </p:cNvPr>
              <p:cNvSpPr/>
              <p:nvPr/>
            </p:nvSpPr>
            <p:spPr>
              <a:xfrm>
                <a:off x="3476671" y="4385366"/>
                <a:ext cx="98946" cy="70199"/>
              </a:xfrm>
              <a:custGeom>
                <a:avLst/>
                <a:gdLst>
                  <a:gd name="connsiteX0" fmla="*/ 98947 w 98946"/>
                  <a:gd name="connsiteY0" fmla="*/ 7048 h 70199"/>
                  <a:gd name="connsiteX1" fmla="*/ 96473 w 98946"/>
                  <a:gd name="connsiteY1" fmla="*/ 0 h 70199"/>
                  <a:gd name="connsiteX2" fmla="*/ 0 w 98946"/>
                  <a:gd name="connsiteY2" fmla="*/ 66961 h 70199"/>
                  <a:gd name="connsiteX3" fmla="*/ 7897 w 98946"/>
                  <a:gd name="connsiteY3" fmla="*/ 70199 h 70199"/>
                  <a:gd name="connsiteX4" fmla="*/ 98947 w 98946"/>
                  <a:gd name="connsiteY4" fmla="*/ 7048 h 7019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8946" h="70199">
                    <a:moveTo>
                      <a:pt x="98947" y="7048"/>
                    </a:moveTo>
                    <a:cubicBezTo>
                      <a:pt x="98090" y="4667"/>
                      <a:pt x="97329" y="2381"/>
                      <a:pt x="96473" y="0"/>
                    </a:cubicBezTo>
                    <a:lnTo>
                      <a:pt x="0" y="66961"/>
                    </a:lnTo>
                    <a:cubicBezTo>
                      <a:pt x="2664" y="68104"/>
                      <a:pt x="5233" y="69152"/>
                      <a:pt x="7897" y="70199"/>
                    </a:cubicBezTo>
                    <a:lnTo>
                      <a:pt x="98947" y="7048"/>
                    </a:lnTo>
                    <a:close/>
                  </a:path>
                </a:pathLst>
              </a:custGeom>
              <a:solidFill>
                <a:srgbClr val="B3B3B3"/>
              </a:solidFill>
              <a:ln w="9492" cap="flat">
                <a:noFill/>
                <a:prstDash val="solid"/>
                <a:miter/>
              </a:ln>
            </p:spPr>
            <p:txBody>
              <a:bodyPr rtlCol="0" anchor="ctr"/>
              <a:lstStyle/>
              <a:p>
                <a:endParaRPr lang="en-US"/>
              </a:p>
            </p:txBody>
          </p:sp>
          <p:sp>
            <p:nvSpPr>
              <p:cNvPr id="64" name="Freeform 63">
                <a:extLst>
                  <a:ext uri="{FF2B5EF4-FFF2-40B4-BE49-F238E27FC236}">
                    <a16:creationId xmlns:a16="http://schemas.microsoft.com/office/drawing/2014/main" id="{33A267A4-9347-4750-D9BE-ECA41823FB33}"/>
                  </a:ext>
                </a:extLst>
              </p:cNvPr>
              <p:cNvSpPr/>
              <p:nvPr/>
            </p:nvSpPr>
            <p:spPr>
              <a:xfrm>
                <a:off x="3520531" y="4434500"/>
                <a:ext cx="51485" cy="34494"/>
              </a:xfrm>
              <a:custGeom>
                <a:avLst/>
                <a:gdLst>
                  <a:gd name="connsiteX0" fmla="*/ 50805 w 51485"/>
                  <a:gd name="connsiteY0" fmla="*/ 1539 h 34494"/>
                  <a:gd name="connsiteX1" fmla="*/ 45858 w 51485"/>
                  <a:gd name="connsiteY1" fmla="*/ 586 h 34494"/>
                  <a:gd name="connsiteX2" fmla="*/ 0 w 51485"/>
                  <a:gd name="connsiteY2" fmla="*/ 32304 h 34494"/>
                  <a:gd name="connsiteX3" fmla="*/ 9324 w 51485"/>
                  <a:gd name="connsiteY3" fmla="*/ 34495 h 34494"/>
                  <a:gd name="connsiteX4" fmla="*/ 49949 w 51485"/>
                  <a:gd name="connsiteY4" fmla="*/ 6396 h 34494"/>
                  <a:gd name="connsiteX5" fmla="*/ 50900 w 51485"/>
                  <a:gd name="connsiteY5" fmla="*/ 1443 h 344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485" h="34494">
                    <a:moveTo>
                      <a:pt x="50805" y="1539"/>
                    </a:moveTo>
                    <a:cubicBezTo>
                      <a:pt x="49664" y="-81"/>
                      <a:pt x="47475" y="-462"/>
                      <a:pt x="45858" y="586"/>
                    </a:cubicBezTo>
                    <a:lnTo>
                      <a:pt x="0" y="32304"/>
                    </a:lnTo>
                    <a:cubicBezTo>
                      <a:pt x="3140" y="33066"/>
                      <a:pt x="6279" y="33828"/>
                      <a:pt x="9324" y="34495"/>
                    </a:cubicBezTo>
                    <a:lnTo>
                      <a:pt x="49949" y="6396"/>
                    </a:lnTo>
                    <a:cubicBezTo>
                      <a:pt x="51566" y="5253"/>
                      <a:pt x="51947" y="3062"/>
                      <a:pt x="50900" y="1443"/>
                    </a:cubicBezTo>
                    <a:close/>
                  </a:path>
                </a:pathLst>
              </a:custGeom>
              <a:solidFill>
                <a:srgbClr val="B3B3B3"/>
              </a:solidFill>
              <a:ln w="9492" cap="flat">
                <a:noFill/>
                <a:prstDash val="solid"/>
                <a:miter/>
              </a:ln>
            </p:spPr>
            <p:txBody>
              <a:bodyPr rtlCol="0" anchor="ctr"/>
              <a:lstStyle/>
              <a:p>
                <a:endParaRPr lang="en-US"/>
              </a:p>
            </p:txBody>
          </p:sp>
          <p:sp>
            <p:nvSpPr>
              <p:cNvPr id="65" name="Freeform 64">
                <a:extLst>
                  <a:ext uri="{FF2B5EF4-FFF2-40B4-BE49-F238E27FC236}">
                    <a16:creationId xmlns:a16="http://schemas.microsoft.com/office/drawing/2014/main" id="{82931497-9375-B13A-678A-FD3EB29255D1}"/>
                  </a:ext>
                </a:extLst>
              </p:cNvPr>
              <p:cNvSpPr/>
              <p:nvPr/>
            </p:nvSpPr>
            <p:spPr>
              <a:xfrm>
                <a:off x="4170629" y="3980458"/>
                <a:ext cx="159646" cy="86487"/>
              </a:xfrm>
              <a:custGeom>
                <a:avLst/>
                <a:gdLst>
                  <a:gd name="connsiteX0" fmla="*/ 286 w 159646"/>
                  <a:gd name="connsiteY0" fmla="*/ 8096 h 86487"/>
                  <a:gd name="connsiteX1" fmla="*/ 153082 w 159646"/>
                  <a:gd name="connsiteY1" fmla="*/ 86487 h 86487"/>
                  <a:gd name="connsiteX2" fmla="*/ 159647 w 159646"/>
                  <a:gd name="connsiteY2" fmla="*/ 81820 h 86487"/>
                  <a:gd name="connsiteX3" fmla="*/ 0 w 159646"/>
                  <a:gd name="connsiteY3" fmla="*/ 0 h 86487"/>
                  <a:gd name="connsiteX4" fmla="*/ 286 w 159646"/>
                  <a:gd name="connsiteY4" fmla="*/ 8192 h 864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9646" h="86487">
                    <a:moveTo>
                      <a:pt x="286" y="8096"/>
                    </a:moveTo>
                    <a:lnTo>
                      <a:pt x="153082" y="86487"/>
                    </a:lnTo>
                    <a:cubicBezTo>
                      <a:pt x="155270" y="84963"/>
                      <a:pt x="157458" y="83439"/>
                      <a:pt x="159647" y="81820"/>
                    </a:cubicBezTo>
                    <a:lnTo>
                      <a:pt x="0" y="0"/>
                    </a:lnTo>
                    <a:cubicBezTo>
                      <a:pt x="0" y="2762"/>
                      <a:pt x="95" y="5429"/>
                      <a:pt x="286" y="8192"/>
                    </a:cubicBezTo>
                    <a:close/>
                  </a:path>
                </a:pathLst>
              </a:custGeom>
              <a:solidFill>
                <a:srgbClr val="B3B3B3"/>
              </a:solidFill>
              <a:ln w="9492" cap="flat">
                <a:noFill/>
                <a:prstDash val="solid"/>
                <a:miter/>
              </a:ln>
            </p:spPr>
            <p:txBody>
              <a:bodyPr rtlCol="0" anchor="ctr"/>
              <a:lstStyle/>
              <a:p>
                <a:endParaRPr lang="en-US"/>
              </a:p>
            </p:txBody>
          </p:sp>
          <p:sp>
            <p:nvSpPr>
              <p:cNvPr id="66" name="Freeform 65">
                <a:extLst>
                  <a:ext uri="{FF2B5EF4-FFF2-40B4-BE49-F238E27FC236}">
                    <a16:creationId xmlns:a16="http://schemas.microsoft.com/office/drawing/2014/main" id="{1841CB17-0422-59ED-21FA-12AF0B6E64B0}"/>
                  </a:ext>
                </a:extLst>
              </p:cNvPr>
              <p:cNvSpPr/>
              <p:nvPr/>
            </p:nvSpPr>
            <p:spPr>
              <a:xfrm>
                <a:off x="4172437" y="3940739"/>
                <a:ext cx="50987" cy="31051"/>
              </a:xfrm>
              <a:custGeom>
                <a:avLst/>
                <a:gdLst>
                  <a:gd name="connsiteX0" fmla="*/ 45858 w 50987"/>
                  <a:gd name="connsiteY0" fmla="*/ 30670 h 31051"/>
                  <a:gd name="connsiteX1" fmla="*/ 47475 w 50987"/>
                  <a:gd name="connsiteY1" fmla="*/ 31051 h 31051"/>
                  <a:gd name="connsiteX2" fmla="*/ 50615 w 50987"/>
                  <a:gd name="connsiteY2" fmla="*/ 29146 h 31051"/>
                  <a:gd name="connsiteX3" fmla="*/ 49093 w 50987"/>
                  <a:gd name="connsiteY3" fmla="*/ 24384 h 31051"/>
                  <a:gd name="connsiteX4" fmla="*/ 1237 w 50987"/>
                  <a:gd name="connsiteY4" fmla="*/ 0 h 31051"/>
                  <a:gd name="connsiteX5" fmla="*/ 0 w 50987"/>
                  <a:gd name="connsiteY5" fmla="*/ 7429 h 31051"/>
                  <a:gd name="connsiteX6" fmla="*/ 45763 w 50987"/>
                  <a:gd name="connsiteY6" fmla="*/ 30861 h 310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987" h="31051">
                    <a:moveTo>
                      <a:pt x="45858" y="30670"/>
                    </a:moveTo>
                    <a:cubicBezTo>
                      <a:pt x="46334" y="30956"/>
                      <a:pt x="46905" y="31051"/>
                      <a:pt x="47475" y="31051"/>
                    </a:cubicBezTo>
                    <a:cubicBezTo>
                      <a:pt x="48807" y="31051"/>
                      <a:pt x="50044" y="30385"/>
                      <a:pt x="50615" y="29146"/>
                    </a:cubicBezTo>
                    <a:cubicBezTo>
                      <a:pt x="51471" y="27432"/>
                      <a:pt x="50805" y="25241"/>
                      <a:pt x="49093" y="24384"/>
                    </a:cubicBezTo>
                    <a:lnTo>
                      <a:pt x="1237" y="0"/>
                    </a:lnTo>
                    <a:cubicBezTo>
                      <a:pt x="856" y="2476"/>
                      <a:pt x="285" y="4953"/>
                      <a:pt x="0" y="7429"/>
                    </a:cubicBezTo>
                    <a:lnTo>
                      <a:pt x="45763" y="30861"/>
                    </a:lnTo>
                    <a:close/>
                  </a:path>
                </a:pathLst>
              </a:custGeom>
              <a:solidFill>
                <a:srgbClr val="B3B3B3"/>
              </a:solidFill>
              <a:ln w="9492" cap="flat">
                <a:noFill/>
                <a:prstDash val="solid"/>
                <a:miter/>
              </a:ln>
            </p:spPr>
            <p:txBody>
              <a:bodyPr rtlCol="0" anchor="ctr"/>
              <a:lstStyle/>
              <a:p>
                <a:endParaRPr lang="en-US"/>
              </a:p>
            </p:txBody>
          </p:sp>
          <p:sp>
            <p:nvSpPr>
              <p:cNvPr id="67" name="Freeform 66">
                <a:extLst>
                  <a:ext uri="{FF2B5EF4-FFF2-40B4-BE49-F238E27FC236}">
                    <a16:creationId xmlns:a16="http://schemas.microsoft.com/office/drawing/2014/main" id="{64CC2FB1-6540-ECD0-9191-80F5152D357B}"/>
                  </a:ext>
                </a:extLst>
              </p:cNvPr>
              <p:cNvSpPr/>
              <p:nvPr/>
            </p:nvSpPr>
            <p:spPr>
              <a:xfrm>
                <a:off x="4181095" y="3903115"/>
                <a:ext cx="69540" cy="40195"/>
              </a:xfrm>
              <a:custGeom>
                <a:avLst/>
                <a:gdLst>
                  <a:gd name="connsiteX0" fmla="*/ 64410 w 69540"/>
                  <a:gd name="connsiteY0" fmla="*/ 39815 h 40195"/>
                  <a:gd name="connsiteX1" fmla="*/ 66028 w 69540"/>
                  <a:gd name="connsiteY1" fmla="*/ 40196 h 40195"/>
                  <a:gd name="connsiteX2" fmla="*/ 69167 w 69540"/>
                  <a:gd name="connsiteY2" fmla="*/ 38291 h 40195"/>
                  <a:gd name="connsiteX3" fmla="*/ 67645 w 69540"/>
                  <a:gd name="connsiteY3" fmla="*/ 33528 h 40195"/>
                  <a:gd name="connsiteX4" fmla="*/ 2379 w 69540"/>
                  <a:gd name="connsiteY4" fmla="*/ 0 h 40195"/>
                  <a:gd name="connsiteX5" fmla="*/ 0 w 69540"/>
                  <a:gd name="connsiteY5" fmla="*/ 6763 h 40195"/>
                  <a:gd name="connsiteX6" fmla="*/ 64410 w 69540"/>
                  <a:gd name="connsiteY6" fmla="*/ 39910 h 401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9540" h="40195">
                    <a:moveTo>
                      <a:pt x="64410" y="39815"/>
                    </a:moveTo>
                    <a:cubicBezTo>
                      <a:pt x="64886" y="40100"/>
                      <a:pt x="65457" y="40196"/>
                      <a:pt x="66028" y="40196"/>
                    </a:cubicBezTo>
                    <a:cubicBezTo>
                      <a:pt x="67360" y="40196"/>
                      <a:pt x="68597" y="39529"/>
                      <a:pt x="69167" y="38291"/>
                    </a:cubicBezTo>
                    <a:cubicBezTo>
                      <a:pt x="70024" y="36576"/>
                      <a:pt x="69358" y="34385"/>
                      <a:pt x="67645" y="33528"/>
                    </a:cubicBezTo>
                    <a:lnTo>
                      <a:pt x="2379" y="0"/>
                    </a:lnTo>
                    <a:cubicBezTo>
                      <a:pt x="1522" y="2286"/>
                      <a:pt x="761" y="4572"/>
                      <a:pt x="0" y="6763"/>
                    </a:cubicBezTo>
                    <a:lnTo>
                      <a:pt x="64410" y="39910"/>
                    </a:lnTo>
                    <a:close/>
                  </a:path>
                </a:pathLst>
              </a:custGeom>
              <a:solidFill>
                <a:srgbClr val="B3B3B3"/>
              </a:solidFill>
              <a:ln w="9492" cap="flat">
                <a:noFill/>
                <a:prstDash val="solid"/>
                <a:miter/>
              </a:ln>
            </p:spPr>
            <p:txBody>
              <a:bodyPr rtlCol="0" anchor="ctr"/>
              <a:lstStyle/>
              <a:p>
                <a:endParaRPr lang="en-US"/>
              </a:p>
            </p:txBody>
          </p:sp>
          <p:sp>
            <p:nvSpPr>
              <p:cNvPr id="68" name="Freeform 67">
                <a:extLst>
                  <a:ext uri="{FF2B5EF4-FFF2-40B4-BE49-F238E27FC236}">
                    <a16:creationId xmlns:a16="http://schemas.microsoft.com/office/drawing/2014/main" id="{E723F6B3-D3EA-8325-F387-97A22C6052D1}"/>
                  </a:ext>
                </a:extLst>
              </p:cNvPr>
              <p:cNvSpPr/>
              <p:nvPr/>
            </p:nvSpPr>
            <p:spPr>
              <a:xfrm>
                <a:off x="4195936" y="3869587"/>
                <a:ext cx="78766" cy="43910"/>
              </a:xfrm>
              <a:custGeom>
                <a:avLst/>
                <a:gdLst>
                  <a:gd name="connsiteX0" fmla="*/ 73639 w 78766"/>
                  <a:gd name="connsiteY0" fmla="*/ 43529 h 43910"/>
                  <a:gd name="connsiteX1" fmla="*/ 75256 w 78766"/>
                  <a:gd name="connsiteY1" fmla="*/ 43910 h 43910"/>
                  <a:gd name="connsiteX2" fmla="*/ 78396 w 78766"/>
                  <a:gd name="connsiteY2" fmla="*/ 41910 h 43910"/>
                  <a:gd name="connsiteX3" fmla="*/ 76779 w 78766"/>
                  <a:gd name="connsiteY3" fmla="*/ 37148 h 43910"/>
                  <a:gd name="connsiteX4" fmla="*/ 3520 w 78766"/>
                  <a:gd name="connsiteY4" fmla="*/ 0 h 43910"/>
                  <a:gd name="connsiteX5" fmla="*/ 0 w 78766"/>
                  <a:gd name="connsiteY5" fmla="*/ 6191 h 43910"/>
                  <a:gd name="connsiteX6" fmla="*/ 73639 w 78766"/>
                  <a:gd name="connsiteY6" fmla="*/ 43529 h 439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8766" h="43910">
                    <a:moveTo>
                      <a:pt x="73639" y="43529"/>
                    </a:moveTo>
                    <a:cubicBezTo>
                      <a:pt x="74115" y="43815"/>
                      <a:pt x="74686" y="43910"/>
                      <a:pt x="75256" y="43910"/>
                    </a:cubicBezTo>
                    <a:cubicBezTo>
                      <a:pt x="76588" y="43910"/>
                      <a:pt x="77825" y="43148"/>
                      <a:pt x="78396" y="41910"/>
                    </a:cubicBezTo>
                    <a:cubicBezTo>
                      <a:pt x="79252" y="40196"/>
                      <a:pt x="78586" y="38005"/>
                      <a:pt x="76779" y="37148"/>
                    </a:cubicBezTo>
                    <a:lnTo>
                      <a:pt x="3520" y="0"/>
                    </a:lnTo>
                    <a:cubicBezTo>
                      <a:pt x="2283" y="2096"/>
                      <a:pt x="1142" y="4096"/>
                      <a:pt x="0" y="6191"/>
                    </a:cubicBezTo>
                    <a:lnTo>
                      <a:pt x="73639" y="43529"/>
                    </a:lnTo>
                    <a:close/>
                  </a:path>
                </a:pathLst>
              </a:custGeom>
              <a:solidFill>
                <a:srgbClr val="B3B3B3"/>
              </a:solidFill>
              <a:ln w="9492" cap="flat">
                <a:noFill/>
                <a:prstDash val="solid"/>
                <a:miter/>
              </a:ln>
            </p:spPr>
            <p:txBody>
              <a:bodyPr rtlCol="0" anchor="ctr"/>
              <a:lstStyle/>
              <a:p>
                <a:endParaRPr lang="en-US"/>
              </a:p>
            </p:txBody>
          </p:sp>
          <p:sp>
            <p:nvSpPr>
              <p:cNvPr id="69" name="Freeform 68">
                <a:extLst>
                  <a:ext uri="{FF2B5EF4-FFF2-40B4-BE49-F238E27FC236}">
                    <a16:creationId xmlns:a16="http://schemas.microsoft.com/office/drawing/2014/main" id="{1927447A-0D6F-6947-0265-F015864F5A01}"/>
                  </a:ext>
                </a:extLst>
              </p:cNvPr>
              <p:cNvSpPr/>
              <p:nvPr/>
            </p:nvSpPr>
            <p:spPr>
              <a:xfrm>
                <a:off x="4210493" y="3835011"/>
                <a:ext cx="2949" cy="2095"/>
              </a:xfrm>
              <a:custGeom>
                <a:avLst/>
                <a:gdLst>
                  <a:gd name="connsiteX0" fmla="*/ 0 w 2949"/>
                  <a:gd name="connsiteY0" fmla="*/ 1810 h 2095"/>
                  <a:gd name="connsiteX1" fmla="*/ 0 w 2949"/>
                  <a:gd name="connsiteY1" fmla="*/ 2096 h 2095"/>
                  <a:gd name="connsiteX2" fmla="*/ 2949 w 2949"/>
                  <a:gd name="connsiteY2" fmla="*/ 0 h 2095"/>
                  <a:gd name="connsiteX3" fmla="*/ 95 w 2949"/>
                  <a:gd name="connsiteY3" fmla="*/ 1905 h 2095"/>
                </a:gdLst>
                <a:ahLst/>
                <a:cxnLst>
                  <a:cxn ang="0">
                    <a:pos x="connsiteX0" y="connsiteY0"/>
                  </a:cxn>
                  <a:cxn ang="0">
                    <a:pos x="connsiteX1" y="connsiteY1"/>
                  </a:cxn>
                  <a:cxn ang="0">
                    <a:pos x="connsiteX2" y="connsiteY2"/>
                  </a:cxn>
                  <a:cxn ang="0">
                    <a:pos x="connsiteX3" y="connsiteY3"/>
                  </a:cxn>
                </a:cxnLst>
                <a:rect l="l" t="t" r="r" b="b"/>
                <a:pathLst>
                  <a:path w="2949" h="2095">
                    <a:moveTo>
                      <a:pt x="0" y="1810"/>
                    </a:moveTo>
                    <a:cubicBezTo>
                      <a:pt x="0" y="1810"/>
                      <a:pt x="0" y="2000"/>
                      <a:pt x="0" y="2096"/>
                    </a:cubicBezTo>
                    <a:cubicBezTo>
                      <a:pt x="951" y="1334"/>
                      <a:pt x="1998" y="667"/>
                      <a:pt x="2949" y="0"/>
                    </a:cubicBezTo>
                    <a:cubicBezTo>
                      <a:pt x="1808" y="95"/>
                      <a:pt x="666" y="762"/>
                      <a:pt x="95" y="1905"/>
                    </a:cubicBezTo>
                    <a:close/>
                  </a:path>
                </a:pathLst>
              </a:custGeom>
              <a:solidFill>
                <a:srgbClr val="B3B3B3"/>
              </a:solidFill>
              <a:ln w="9492" cap="flat">
                <a:noFill/>
                <a:prstDash val="solid"/>
                <a:miter/>
              </a:ln>
            </p:spPr>
            <p:txBody>
              <a:bodyPr rtlCol="0" anchor="ctr"/>
              <a:lstStyle/>
              <a:p>
                <a:endParaRPr lang="en-US"/>
              </a:p>
            </p:txBody>
          </p:sp>
          <p:sp>
            <p:nvSpPr>
              <p:cNvPr id="70" name="Freeform 69">
                <a:extLst>
                  <a:ext uri="{FF2B5EF4-FFF2-40B4-BE49-F238E27FC236}">
                    <a16:creationId xmlns:a16="http://schemas.microsoft.com/office/drawing/2014/main" id="{03BA9DEF-9190-29CC-8DCD-61CAAB9430AB}"/>
                  </a:ext>
                </a:extLst>
              </p:cNvPr>
              <p:cNvSpPr/>
              <p:nvPr/>
            </p:nvSpPr>
            <p:spPr>
              <a:xfrm>
                <a:off x="4217724" y="3839297"/>
                <a:ext cx="76960" cy="42767"/>
              </a:xfrm>
              <a:custGeom>
                <a:avLst/>
                <a:gdLst>
                  <a:gd name="connsiteX0" fmla="*/ 0 w 76960"/>
                  <a:gd name="connsiteY0" fmla="*/ 5334 h 42767"/>
                  <a:gd name="connsiteX1" fmla="*/ 71831 w 76960"/>
                  <a:gd name="connsiteY1" fmla="*/ 42386 h 42767"/>
                  <a:gd name="connsiteX2" fmla="*/ 73449 w 76960"/>
                  <a:gd name="connsiteY2" fmla="*/ 42767 h 42767"/>
                  <a:gd name="connsiteX3" fmla="*/ 76588 w 76960"/>
                  <a:gd name="connsiteY3" fmla="*/ 40862 h 42767"/>
                  <a:gd name="connsiteX4" fmla="*/ 75066 w 76960"/>
                  <a:gd name="connsiteY4" fmla="*/ 36004 h 42767"/>
                  <a:gd name="connsiteX5" fmla="*/ 5233 w 76960"/>
                  <a:gd name="connsiteY5" fmla="*/ 0 h 42767"/>
                  <a:gd name="connsiteX6" fmla="*/ 0 w 76960"/>
                  <a:gd name="connsiteY6" fmla="*/ 5334 h 42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6960" h="42767">
                    <a:moveTo>
                      <a:pt x="0" y="5334"/>
                    </a:moveTo>
                    <a:lnTo>
                      <a:pt x="71831" y="42386"/>
                    </a:lnTo>
                    <a:cubicBezTo>
                      <a:pt x="72402" y="42672"/>
                      <a:pt x="72878" y="42767"/>
                      <a:pt x="73449" y="42767"/>
                    </a:cubicBezTo>
                    <a:cubicBezTo>
                      <a:pt x="74781" y="42767"/>
                      <a:pt x="76017" y="42101"/>
                      <a:pt x="76588" y="40862"/>
                    </a:cubicBezTo>
                    <a:cubicBezTo>
                      <a:pt x="77445" y="39148"/>
                      <a:pt x="76779" y="36957"/>
                      <a:pt x="75066" y="36004"/>
                    </a:cubicBezTo>
                    <a:lnTo>
                      <a:pt x="5233" y="0"/>
                    </a:lnTo>
                    <a:cubicBezTo>
                      <a:pt x="3520" y="1619"/>
                      <a:pt x="1712" y="3429"/>
                      <a:pt x="0" y="5334"/>
                    </a:cubicBezTo>
                    <a:close/>
                  </a:path>
                </a:pathLst>
              </a:custGeom>
              <a:solidFill>
                <a:srgbClr val="B3B3B3"/>
              </a:solidFill>
              <a:ln w="9492" cap="flat">
                <a:noFill/>
                <a:prstDash val="solid"/>
                <a:miter/>
              </a:ln>
            </p:spPr>
            <p:txBody>
              <a:bodyPr rtlCol="0" anchor="ctr"/>
              <a:lstStyle/>
              <a:p>
                <a:endParaRPr lang="en-US"/>
              </a:p>
            </p:txBody>
          </p:sp>
          <p:sp>
            <p:nvSpPr>
              <p:cNvPr id="71" name="Freeform 70">
                <a:extLst>
                  <a:ext uri="{FF2B5EF4-FFF2-40B4-BE49-F238E27FC236}">
                    <a16:creationId xmlns:a16="http://schemas.microsoft.com/office/drawing/2014/main" id="{CC7008B4-6E63-EBB6-3D0D-9EBB3EB62043}"/>
                  </a:ext>
                </a:extLst>
              </p:cNvPr>
              <p:cNvSpPr/>
              <p:nvPr/>
            </p:nvSpPr>
            <p:spPr>
              <a:xfrm>
                <a:off x="4279193" y="3996658"/>
                <a:ext cx="81813" cy="44759"/>
              </a:xfrm>
              <a:custGeom>
                <a:avLst/>
                <a:gdLst>
                  <a:gd name="connsiteX0" fmla="*/ 81813 w 81813"/>
                  <a:gd name="connsiteY0" fmla="*/ 39616 h 44759"/>
                  <a:gd name="connsiteX1" fmla="*/ 5130 w 81813"/>
                  <a:gd name="connsiteY1" fmla="*/ 373 h 44759"/>
                  <a:gd name="connsiteX2" fmla="*/ 373 w 81813"/>
                  <a:gd name="connsiteY2" fmla="*/ 1897 h 44759"/>
                  <a:gd name="connsiteX3" fmla="*/ 1895 w 81813"/>
                  <a:gd name="connsiteY3" fmla="*/ 6660 h 44759"/>
                  <a:gd name="connsiteX4" fmla="*/ 76390 w 81813"/>
                  <a:gd name="connsiteY4" fmla="*/ 44760 h 44759"/>
                  <a:gd name="connsiteX5" fmla="*/ 81813 w 81813"/>
                  <a:gd name="connsiteY5" fmla="*/ 39521 h 447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1813" h="44759">
                    <a:moveTo>
                      <a:pt x="81813" y="39616"/>
                    </a:moveTo>
                    <a:lnTo>
                      <a:pt x="5130" y="373"/>
                    </a:lnTo>
                    <a:cubicBezTo>
                      <a:pt x="3417" y="-484"/>
                      <a:pt x="1229" y="183"/>
                      <a:pt x="373" y="1897"/>
                    </a:cubicBezTo>
                    <a:cubicBezTo>
                      <a:pt x="-484" y="3612"/>
                      <a:pt x="182" y="5802"/>
                      <a:pt x="1895" y="6660"/>
                    </a:cubicBezTo>
                    <a:lnTo>
                      <a:pt x="76390" y="44760"/>
                    </a:lnTo>
                    <a:cubicBezTo>
                      <a:pt x="78198" y="43045"/>
                      <a:pt x="80006" y="41331"/>
                      <a:pt x="81813" y="39521"/>
                    </a:cubicBezTo>
                    <a:close/>
                  </a:path>
                </a:pathLst>
              </a:custGeom>
              <a:solidFill>
                <a:srgbClr val="B3B3B3"/>
              </a:solidFill>
              <a:ln w="9492" cap="flat">
                <a:noFill/>
                <a:prstDash val="solid"/>
                <a:miter/>
              </a:ln>
            </p:spPr>
            <p:txBody>
              <a:bodyPr rtlCol="0" anchor="ctr"/>
              <a:lstStyle/>
              <a:p>
                <a:endParaRPr lang="en-US"/>
              </a:p>
            </p:txBody>
          </p:sp>
          <p:sp>
            <p:nvSpPr>
              <p:cNvPr id="72" name="Freeform 71">
                <a:extLst>
                  <a:ext uri="{FF2B5EF4-FFF2-40B4-BE49-F238E27FC236}">
                    <a16:creationId xmlns:a16="http://schemas.microsoft.com/office/drawing/2014/main" id="{DD3F7B88-ADED-B7D2-4EF5-4CCD28EA66DD}"/>
                  </a:ext>
                </a:extLst>
              </p:cNvPr>
              <p:cNvSpPr/>
              <p:nvPr/>
            </p:nvSpPr>
            <p:spPr>
              <a:xfrm>
                <a:off x="4212689" y="4046188"/>
                <a:ext cx="81908" cy="43997"/>
              </a:xfrm>
              <a:custGeom>
                <a:avLst/>
                <a:gdLst>
                  <a:gd name="connsiteX0" fmla="*/ 373 w 81908"/>
                  <a:gd name="connsiteY0" fmla="*/ 1992 h 43997"/>
                  <a:gd name="connsiteX1" fmla="*/ 1895 w 81908"/>
                  <a:gd name="connsiteY1" fmla="*/ 6755 h 43997"/>
                  <a:gd name="connsiteX2" fmla="*/ 74678 w 81908"/>
                  <a:gd name="connsiteY2" fmla="*/ 43998 h 43997"/>
                  <a:gd name="connsiteX3" fmla="*/ 81908 w 81908"/>
                  <a:gd name="connsiteY3" fmla="*/ 39616 h 43997"/>
                  <a:gd name="connsiteX4" fmla="*/ 5130 w 81908"/>
                  <a:gd name="connsiteY4" fmla="*/ 373 h 43997"/>
                  <a:gd name="connsiteX5" fmla="*/ 373 w 81908"/>
                  <a:gd name="connsiteY5" fmla="*/ 1897 h 439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1908" h="43997">
                    <a:moveTo>
                      <a:pt x="373" y="1992"/>
                    </a:moveTo>
                    <a:cubicBezTo>
                      <a:pt x="-484" y="3707"/>
                      <a:pt x="182" y="5898"/>
                      <a:pt x="1895" y="6755"/>
                    </a:cubicBezTo>
                    <a:lnTo>
                      <a:pt x="74678" y="43998"/>
                    </a:lnTo>
                    <a:cubicBezTo>
                      <a:pt x="77056" y="42569"/>
                      <a:pt x="79435" y="41140"/>
                      <a:pt x="81908" y="39616"/>
                    </a:cubicBezTo>
                    <a:lnTo>
                      <a:pt x="5130" y="373"/>
                    </a:lnTo>
                    <a:cubicBezTo>
                      <a:pt x="3417" y="-484"/>
                      <a:pt x="1229" y="182"/>
                      <a:pt x="373" y="1897"/>
                    </a:cubicBezTo>
                    <a:close/>
                  </a:path>
                </a:pathLst>
              </a:custGeom>
              <a:solidFill>
                <a:srgbClr val="B3B3B3"/>
              </a:solidFill>
              <a:ln w="9492" cap="flat">
                <a:noFill/>
                <a:prstDash val="solid"/>
                <a:miter/>
              </a:ln>
            </p:spPr>
            <p:txBody>
              <a:bodyPr rtlCol="0" anchor="ctr"/>
              <a:lstStyle/>
              <a:p>
                <a:endParaRPr lang="en-US"/>
              </a:p>
            </p:txBody>
          </p:sp>
          <p:sp>
            <p:nvSpPr>
              <p:cNvPr id="73" name="Freeform 72">
                <a:extLst>
                  <a:ext uri="{FF2B5EF4-FFF2-40B4-BE49-F238E27FC236}">
                    <a16:creationId xmlns:a16="http://schemas.microsoft.com/office/drawing/2014/main" id="{A3F40F5B-2A74-F406-D346-774038753545}"/>
                  </a:ext>
                </a:extLst>
              </p:cNvPr>
              <p:cNvSpPr/>
              <p:nvPr/>
            </p:nvSpPr>
            <p:spPr>
              <a:xfrm>
                <a:off x="4308401" y="3969417"/>
                <a:ext cx="77531" cy="43140"/>
              </a:xfrm>
              <a:custGeom>
                <a:avLst/>
                <a:gdLst>
                  <a:gd name="connsiteX0" fmla="*/ 5130 w 77531"/>
                  <a:gd name="connsiteY0" fmla="*/ 373 h 43140"/>
                  <a:gd name="connsiteX1" fmla="*/ 373 w 77531"/>
                  <a:gd name="connsiteY1" fmla="*/ 1897 h 43140"/>
                  <a:gd name="connsiteX2" fmla="*/ 1895 w 77531"/>
                  <a:gd name="connsiteY2" fmla="*/ 6660 h 43140"/>
                  <a:gd name="connsiteX3" fmla="*/ 73346 w 77531"/>
                  <a:gd name="connsiteY3" fmla="*/ 43140 h 43140"/>
                  <a:gd name="connsiteX4" fmla="*/ 77532 w 77531"/>
                  <a:gd name="connsiteY4" fmla="*/ 37235 h 43140"/>
                  <a:gd name="connsiteX5" fmla="*/ 5225 w 77531"/>
                  <a:gd name="connsiteY5" fmla="*/ 278 h 43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531" h="43140">
                    <a:moveTo>
                      <a:pt x="5130" y="373"/>
                    </a:moveTo>
                    <a:cubicBezTo>
                      <a:pt x="3322" y="-484"/>
                      <a:pt x="1229" y="183"/>
                      <a:pt x="373" y="1897"/>
                    </a:cubicBezTo>
                    <a:cubicBezTo>
                      <a:pt x="-484" y="3612"/>
                      <a:pt x="182" y="5802"/>
                      <a:pt x="1895" y="6660"/>
                    </a:cubicBezTo>
                    <a:lnTo>
                      <a:pt x="73346" y="43140"/>
                    </a:lnTo>
                    <a:cubicBezTo>
                      <a:pt x="74773" y="41235"/>
                      <a:pt x="76105" y="39235"/>
                      <a:pt x="77532" y="37235"/>
                    </a:cubicBezTo>
                    <a:lnTo>
                      <a:pt x="5225" y="278"/>
                    </a:lnTo>
                    <a:close/>
                  </a:path>
                </a:pathLst>
              </a:custGeom>
              <a:solidFill>
                <a:srgbClr val="B3B3B3"/>
              </a:solidFill>
              <a:ln w="9492" cap="flat">
                <a:noFill/>
                <a:prstDash val="solid"/>
                <a:miter/>
              </a:ln>
            </p:spPr>
            <p:txBody>
              <a:bodyPr rtlCol="0" anchor="ctr"/>
              <a:lstStyle/>
              <a:p>
                <a:endParaRPr lang="en-US"/>
              </a:p>
            </p:txBody>
          </p:sp>
          <p:sp>
            <p:nvSpPr>
              <p:cNvPr id="74" name="Freeform 73">
                <a:extLst>
                  <a:ext uri="{FF2B5EF4-FFF2-40B4-BE49-F238E27FC236}">
                    <a16:creationId xmlns:a16="http://schemas.microsoft.com/office/drawing/2014/main" id="{EA697191-E399-FF8F-4D19-F9F466C885B3}"/>
                  </a:ext>
                </a:extLst>
              </p:cNvPr>
              <p:cNvSpPr/>
              <p:nvPr/>
            </p:nvSpPr>
            <p:spPr>
              <a:xfrm>
                <a:off x="4331520" y="3939127"/>
                <a:ext cx="72013" cy="41044"/>
              </a:xfrm>
              <a:custGeom>
                <a:avLst/>
                <a:gdLst>
                  <a:gd name="connsiteX0" fmla="*/ 5130 w 72013"/>
                  <a:gd name="connsiteY0" fmla="*/ 373 h 41044"/>
                  <a:gd name="connsiteX1" fmla="*/ 373 w 72013"/>
                  <a:gd name="connsiteY1" fmla="*/ 1897 h 41044"/>
                  <a:gd name="connsiteX2" fmla="*/ 1895 w 72013"/>
                  <a:gd name="connsiteY2" fmla="*/ 6660 h 41044"/>
                  <a:gd name="connsiteX3" fmla="*/ 69159 w 72013"/>
                  <a:gd name="connsiteY3" fmla="*/ 41045 h 41044"/>
                  <a:gd name="connsiteX4" fmla="*/ 72014 w 72013"/>
                  <a:gd name="connsiteY4" fmla="*/ 34473 h 41044"/>
                  <a:gd name="connsiteX5" fmla="*/ 5130 w 72013"/>
                  <a:gd name="connsiteY5" fmla="*/ 278 h 410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2013" h="41044">
                    <a:moveTo>
                      <a:pt x="5130" y="373"/>
                    </a:moveTo>
                    <a:cubicBezTo>
                      <a:pt x="3417" y="-484"/>
                      <a:pt x="1229" y="183"/>
                      <a:pt x="373" y="1897"/>
                    </a:cubicBezTo>
                    <a:cubicBezTo>
                      <a:pt x="-484" y="3612"/>
                      <a:pt x="182" y="5802"/>
                      <a:pt x="1895" y="6660"/>
                    </a:cubicBezTo>
                    <a:lnTo>
                      <a:pt x="69159" y="41045"/>
                    </a:lnTo>
                    <a:cubicBezTo>
                      <a:pt x="70111" y="38854"/>
                      <a:pt x="71157" y="36759"/>
                      <a:pt x="72014" y="34473"/>
                    </a:cubicBezTo>
                    <a:lnTo>
                      <a:pt x="5130" y="278"/>
                    </a:lnTo>
                    <a:close/>
                  </a:path>
                </a:pathLst>
              </a:custGeom>
              <a:solidFill>
                <a:srgbClr val="B3B3B3"/>
              </a:solidFill>
              <a:ln w="9492" cap="flat">
                <a:noFill/>
                <a:prstDash val="solid"/>
                <a:miter/>
              </a:ln>
            </p:spPr>
            <p:txBody>
              <a:bodyPr rtlCol="0" anchor="ctr"/>
              <a:lstStyle/>
              <a:p>
                <a:endParaRPr lang="en-US"/>
              </a:p>
            </p:txBody>
          </p:sp>
          <p:sp>
            <p:nvSpPr>
              <p:cNvPr id="75" name="Freeform 74">
                <a:extLst>
                  <a:ext uri="{FF2B5EF4-FFF2-40B4-BE49-F238E27FC236}">
                    <a16:creationId xmlns:a16="http://schemas.microsoft.com/office/drawing/2014/main" id="{DAAE7810-493B-2C93-83B1-E1C51793E0AA}"/>
                  </a:ext>
                </a:extLst>
              </p:cNvPr>
              <p:cNvSpPr/>
              <p:nvPr/>
            </p:nvSpPr>
            <p:spPr>
              <a:xfrm>
                <a:off x="4349597" y="3906510"/>
                <a:ext cx="64021" cy="37848"/>
              </a:xfrm>
              <a:custGeom>
                <a:avLst/>
                <a:gdLst>
                  <a:gd name="connsiteX0" fmla="*/ 5130 w 64021"/>
                  <a:gd name="connsiteY0" fmla="*/ 415 h 37848"/>
                  <a:gd name="connsiteX1" fmla="*/ 373 w 64021"/>
                  <a:gd name="connsiteY1" fmla="*/ 1939 h 37848"/>
                  <a:gd name="connsiteX2" fmla="*/ 1895 w 64021"/>
                  <a:gd name="connsiteY2" fmla="*/ 6701 h 37848"/>
                  <a:gd name="connsiteX3" fmla="*/ 62500 w 64021"/>
                  <a:gd name="connsiteY3" fmla="*/ 37848 h 37848"/>
                  <a:gd name="connsiteX4" fmla="*/ 64022 w 64021"/>
                  <a:gd name="connsiteY4" fmla="*/ 30609 h 37848"/>
                  <a:gd name="connsiteX5" fmla="*/ 5130 w 64021"/>
                  <a:gd name="connsiteY5" fmla="*/ 320 h 37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021" h="37848">
                    <a:moveTo>
                      <a:pt x="5130" y="415"/>
                    </a:moveTo>
                    <a:cubicBezTo>
                      <a:pt x="3417" y="-538"/>
                      <a:pt x="1229" y="224"/>
                      <a:pt x="373" y="1939"/>
                    </a:cubicBezTo>
                    <a:cubicBezTo>
                      <a:pt x="-484" y="3653"/>
                      <a:pt x="182" y="5844"/>
                      <a:pt x="1895" y="6701"/>
                    </a:cubicBezTo>
                    <a:lnTo>
                      <a:pt x="62500" y="37848"/>
                    </a:lnTo>
                    <a:cubicBezTo>
                      <a:pt x="62975" y="35467"/>
                      <a:pt x="63641" y="33086"/>
                      <a:pt x="64022" y="30609"/>
                    </a:cubicBezTo>
                    <a:lnTo>
                      <a:pt x="5130" y="320"/>
                    </a:lnTo>
                    <a:close/>
                  </a:path>
                </a:pathLst>
              </a:custGeom>
              <a:solidFill>
                <a:srgbClr val="B3B3B3"/>
              </a:solidFill>
              <a:ln w="9492" cap="flat">
                <a:noFill/>
                <a:prstDash val="solid"/>
                <a:miter/>
              </a:ln>
            </p:spPr>
            <p:txBody>
              <a:bodyPr rtlCol="0" anchor="ctr"/>
              <a:lstStyle/>
              <a:p>
                <a:endParaRPr lang="en-US"/>
              </a:p>
            </p:txBody>
          </p:sp>
          <p:sp>
            <p:nvSpPr>
              <p:cNvPr id="76" name="Freeform 75">
                <a:extLst>
                  <a:ext uri="{FF2B5EF4-FFF2-40B4-BE49-F238E27FC236}">
                    <a16:creationId xmlns:a16="http://schemas.microsoft.com/office/drawing/2014/main" id="{AD2DE52A-DECB-3944-ABD2-BA2032F2ED70}"/>
                  </a:ext>
                </a:extLst>
              </p:cNvPr>
              <p:cNvSpPr/>
              <p:nvPr/>
            </p:nvSpPr>
            <p:spPr>
              <a:xfrm>
                <a:off x="3611771" y="3589076"/>
                <a:ext cx="181814" cy="72485"/>
              </a:xfrm>
              <a:custGeom>
                <a:avLst/>
                <a:gdLst>
                  <a:gd name="connsiteX0" fmla="*/ 176962 w 181814"/>
                  <a:gd name="connsiteY0" fmla="*/ 72485 h 72485"/>
                  <a:gd name="connsiteX1" fmla="*/ 181814 w 181814"/>
                  <a:gd name="connsiteY1" fmla="*/ 66675 h 72485"/>
                  <a:gd name="connsiteX2" fmla="*/ 0 w 181814"/>
                  <a:gd name="connsiteY2" fmla="*/ 0 h 72485"/>
                  <a:gd name="connsiteX3" fmla="*/ 1237 w 181814"/>
                  <a:gd name="connsiteY3" fmla="*/ 8096 h 72485"/>
                  <a:gd name="connsiteX4" fmla="*/ 176962 w 181814"/>
                  <a:gd name="connsiteY4" fmla="*/ 72485 h 7248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1814" h="72485">
                    <a:moveTo>
                      <a:pt x="176962" y="72485"/>
                    </a:moveTo>
                    <a:cubicBezTo>
                      <a:pt x="178580" y="70580"/>
                      <a:pt x="180197" y="68580"/>
                      <a:pt x="181814" y="66675"/>
                    </a:cubicBezTo>
                    <a:lnTo>
                      <a:pt x="0" y="0"/>
                    </a:lnTo>
                    <a:cubicBezTo>
                      <a:pt x="381" y="2667"/>
                      <a:pt x="856" y="5429"/>
                      <a:pt x="1237" y="8096"/>
                    </a:cubicBezTo>
                    <a:lnTo>
                      <a:pt x="176962" y="72485"/>
                    </a:lnTo>
                    <a:close/>
                  </a:path>
                </a:pathLst>
              </a:custGeom>
              <a:solidFill>
                <a:srgbClr val="B3B3B3"/>
              </a:solidFill>
              <a:ln w="9492" cap="flat">
                <a:noFill/>
                <a:prstDash val="solid"/>
                <a:miter/>
              </a:ln>
            </p:spPr>
            <p:txBody>
              <a:bodyPr rtlCol="0" anchor="ctr"/>
              <a:lstStyle/>
              <a:p>
                <a:endParaRPr lang="en-US"/>
              </a:p>
            </p:txBody>
          </p:sp>
          <p:sp>
            <p:nvSpPr>
              <p:cNvPr id="77" name="Freeform 76">
                <a:extLst>
                  <a:ext uri="{FF2B5EF4-FFF2-40B4-BE49-F238E27FC236}">
                    <a16:creationId xmlns:a16="http://schemas.microsoft.com/office/drawing/2014/main" id="{0FD04FA7-5C7B-61A0-ECB6-DA411F2B9C80}"/>
                  </a:ext>
                </a:extLst>
              </p:cNvPr>
              <p:cNvSpPr/>
              <p:nvPr/>
            </p:nvSpPr>
            <p:spPr>
              <a:xfrm>
                <a:off x="3621666" y="3632890"/>
                <a:ext cx="145089" cy="58674"/>
              </a:xfrm>
              <a:custGeom>
                <a:avLst/>
                <a:gdLst>
                  <a:gd name="connsiteX0" fmla="*/ 2854 w 145089"/>
                  <a:gd name="connsiteY0" fmla="*/ 8668 h 58674"/>
                  <a:gd name="connsiteX1" fmla="*/ 139667 w 145089"/>
                  <a:gd name="connsiteY1" fmla="*/ 58674 h 58674"/>
                  <a:gd name="connsiteX2" fmla="*/ 145090 w 145089"/>
                  <a:gd name="connsiteY2" fmla="*/ 53054 h 58674"/>
                  <a:gd name="connsiteX3" fmla="*/ 0 w 145089"/>
                  <a:gd name="connsiteY3" fmla="*/ 0 h 58674"/>
                  <a:gd name="connsiteX4" fmla="*/ 2854 w 145089"/>
                  <a:gd name="connsiteY4" fmla="*/ 8668 h 586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5089" h="58674">
                    <a:moveTo>
                      <a:pt x="2854" y="8668"/>
                    </a:moveTo>
                    <a:lnTo>
                      <a:pt x="139667" y="58674"/>
                    </a:lnTo>
                    <a:cubicBezTo>
                      <a:pt x="141474" y="56769"/>
                      <a:pt x="143282" y="54959"/>
                      <a:pt x="145090" y="53054"/>
                    </a:cubicBezTo>
                    <a:lnTo>
                      <a:pt x="0" y="0"/>
                    </a:lnTo>
                    <a:cubicBezTo>
                      <a:pt x="951" y="2858"/>
                      <a:pt x="1903" y="5810"/>
                      <a:pt x="2854" y="8668"/>
                    </a:cubicBezTo>
                    <a:close/>
                  </a:path>
                </a:pathLst>
              </a:custGeom>
              <a:solidFill>
                <a:srgbClr val="B3B3B3"/>
              </a:solidFill>
              <a:ln w="9492" cap="flat">
                <a:noFill/>
                <a:prstDash val="solid"/>
                <a:miter/>
              </a:ln>
            </p:spPr>
            <p:txBody>
              <a:bodyPr rtlCol="0" anchor="ctr"/>
              <a:lstStyle/>
              <a:p>
                <a:endParaRPr lang="en-US"/>
              </a:p>
            </p:txBody>
          </p:sp>
          <p:sp>
            <p:nvSpPr>
              <p:cNvPr id="78" name="Freeform 77">
                <a:extLst>
                  <a:ext uri="{FF2B5EF4-FFF2-40B4-BE49-F238E27FC236}">
                    <a16:creationId xmlns:a16="http://schemas.microsoft.com/office/drawing/2014/main" id="{59336CD6-823E-A0D4-6204-77BF34A7915F}"/>
                  </a:ext>
                </a:extLst>
              </p:cNvPr>
              <p:cNvSpPr/>
              <p:nvPr/>
            </p:nvSpPr>
            <p:spPr>
              <a:xfrm>
                <a:off x="3680916" y="3696019"/>
                <a:ext cx="56631" cy="24978"/>
              </a:xfrm>
              <a:custGeom>
                <a:avLst/>
                <a:gdLst>
                  <a:gd name="connsiteX0" fmla="*/ 213 w 56631"/>
                  <a:gd name="connsiteY0" fmla="*/ 2404 h 24978"/>
                  <a:gd name="connsiteX1" fmla="*/ 2306 w 56631"/>
                  <a:gd name="connsiteY1" fmla="*/ 6976 h 24978"/>
                  <a:gd name="connsiteX2" fmla="*/ 50923 w 56631"/>
                  <a:gd name="connsiteY2" fmla="*/ 24978 h 24978"/>
                  <a:gd name="connsiteX3" fmla="*/ 56631 w 56631"/>
                  <a:gd name="connsiteY3" fmla="*/ 19454 h 24978"/>
                  <a:gd name="connsiteX4" fmla="*/ 4780 w 56631"/>
                  <a:gd name="connsiteY4" fmla="*/ 213 h 24978"/>
                  <a:gd name="connsiteX5" fmla="*/ 213 w 56631"/>
                  <a:gd name="connsiteY5" fmla="*/ 2309 h 24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6631" h="24978">
                    <a:moveTo>
                      <a:pt x="213" y="2404"/>
                    </a:moveTo>
                    <a:cubicBezTo>
                      <a:pt x="-453" y="4214"/>
                      <a:pt x="498" y="6309"/>
                      <a:pt x="2306" y="6976"/>
                    </a:cubicBezTo>
                    <a:lnTo>
                      <a:pt x="50923" y="24978"/>
                    </a:lnTo>
                    <a:cubicBezTo>
                      <a:pt x="52921" y="23073"/>
                      <a:pt x="54824" y="21263"/>
                      <a:pt x="56631" y="19454"/>
                    </a:cubicBezTo>
                    <a:lnTo>
                      <a:pt x="4780" y="213"/>
                    </a:lnTo>
                    <a:cubicBezTo>
                      <a:pt x="2972" y="-454"/>
                      <a:pt x="879" y="499"/>
                      <a:pt x="213" y="2309"/>
                    </a:cubicBezTo>
                    <a:close/>
                  </a:path>
                </a:pathLst>
              </a:custGeom>
              <a:solidFill>
                <a:srgbClr val="B3B3B3"/>
              </a:solidFill>
              <a:ln w="9492" cap="flat">
                <a:noFill/>
                <a:prstDash val="solid"/>
                <a:miter/>
              </a:ln>
            </p:spPr>
            <p:txBody>
              <a:bodyPr rtlCol="0" anchor="ctr"/>
              <a:lstStyle/>
              <a:p>
                <a:endParaRPr lang="en-US"/>
              </a:p>
            </p:txBody>
          </p:sp>
          <p:sp>
            <p:nvSpPr>
              <p:cNvPr id="79" name="Freeform 78">
                <a:extLst>
                  <a:ext uri="{FF2B5EF4-FFF2-40B4-BE49-F238E27FC236}">
                    <a16:creationId xmlns:a16="http://schemas.microsoft.com/office/drawing/2014/main" id="{5412A0FF-3EE4-E52D-9CEA-80B9F9E94FA4}"/>
                  </a:ext>
                </a:extLst>
              </p:cNvPr>
              <p:cNvSpPr/>
              <p:nvPr/>
            </p:nvSpPr>
            <p:spPr>
              <a:xfrm>
                <a:off x="3609964" y="3549451"/>
                <a:ext cx="72233" cy="32194"/>
              </a:xfrm>
              <a:custGeom>
                <a:avLst/>
                <a:gdLst>
                  <a:gd name="connsiteX0" fmla="*/ 67455 w 72233"/>
                  <a:gd name="connsiteY0" fmla="*/ 32004 h 32194"/>
                  <a:gd name="connsiteX1" fmla="*/ 68692 w 72233"/>
                  <a:gd name="connsiteY1" fmla="*/ 32195 h 32194"/>
                  <a:gd name="connsiteX2" fmla="*/ 72022 w 72233"/>
                  <a:gd name="connsiteY2" fmla="*/ 29813 h 32194"/>
                  <a:gd name="connsiteX3" fmla="*/ 69833 w 72233"/>
                  <a:gd name="connsiteY3" fmla="*/ 25241 h 32194"/>
                  <a:gd name="connsiteX4" fmla="*/ 285 w 72233"/>
                  <a:gd name="connsiteY4" fmla="*/ 0 h 32194"/>
                  <a:gd name="connsiteX5" fmla="*/ 0 w 72233"/>
                  <a:gd name="connsiteY5" fmla="*/ 7525 h 32194"/>
                  <a:gd name="connsiteX6" fmla="*/ 67360 w 72233"/>
                  <a:gd name="connsiteY6" fmla="*/ 31909 h 321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2233" h="32194">
                    <a:moveTo>
                      <a:pt x="67455" y="32004"/>
                    </a:moveTo>
                    <a:cubicBezTo>
                      <a:pt x="67455" y="32004"/>
                      <a:pt x="68216" y="32195"/>
                      <a:pt x="68692" y="32195"/>
                    </a:cubicBezTo>
                    <a:cubicBezTo>
                      <a:pt x="70119" y="32195"/>
                      <a:pt x="71546" y="31337"/>
                      <a:pt x="72022" y="29813"/>
                    </a:cubicBezTo>
                    <a:cubicBezTo>
                      <a:pt x="72688" y="28004"/>
                      <a:pt x="71736" y="25908"/>
                      <a:pt x="69833" y="25241"/>
                    </a:cubicBezTo>
                    <a:lnTo>
                      <a:pt x="285" y="0"/>
                    </a:lnTo>
                    <a:cubicBezTo>
                      <a:pt x="95" y="2477"/>
                      <a:pt x="95" y="5048"/>
                      <a:pt x="0" y="7525"/>
                    </a:cubicBezTo>
                    <a:lnTo>
                      <a:pt x="67360" y="31909"/>
                    </a:lnTo>
                    <a:close/>
                  </a:path>
                </a:pathLst>
              </a:custGeom>
              <a:solidFill>
                <a:srgbClr val="B3B3B3"/>
              </a:solidFill>
              <a:ln w="9492" cap="flat">
                <a:noFill/>
                <a:prstDash val="solid"/>
                <a:miter/>
              </a:ln>
            </p:spPr>
            <p:txBody>
              <a:bodyPr rtlCol="0" anchor="ctr"/>
              <a:lstStyle/>
              <a:p>
                <a:endParaRPr lang="en-US"/>
              </a:p>
            </p:txBody>
          </p:sp>
          <p:sp>
            <p:nvSpPr>
              <p:cNvPr id="80" name="Freeform 79">
                <a:extLst>
                  <a:ext uri="{FF2B5EF4-FFF2-40B4-BE49-F238E27FC236}">
                    <a16:creationId xmlns:a16="http://schemas.microsoft.com/office/drawing/2014/main" id="{186F5925-A6C6-A8AC-8193-F96226DB1484}"/>
                  </a:ext>
                </a:extLst>
              </p:cNvPr>
              <p:cNvSpPr/>
              <p:nvPr/>
            </p:nvSpPr>
            <p:spPr>
              <a:xfrm>
                <a:off x="3626518" y="3476395"/>
                <a:ext cx="76515" cy="32956"/>
              </a:xfrm>
              <a:custGeom>
                <a:avLst/>
                <a:gdLst>
                  <a:gd name="connsiteX0" fmla="*/ 71736 w 76515"/>
                  <a:gd name="connsiteY0" fmla="*/ 32766 h 32956"/>
                  <a:gd name="connsiteX1" fmla="*/ 72973 w 76515"/>
                  <a:gd name="connsiteY1" fmla="*/ 32957 h 32956"/>
                  <a:gd name="connsiteX2" fmla="*/ 76303 w 76515"/>
                  <a:gd name="connsiteY2" fmla="*/ 30575 h 32956"/>
                  <a:gd name="connsiteX3" fmla="*/ 74210 w 76515"/>
                  <a:gd name="connsiteY3" fmla="*/ 26003 h 32956"/>
                  <a:gd name="connsiteX4" fmla="*/ 3140 w 76515"/>
                  <a:gd name="connsiteY4" fmla="*/ 0 h 32956"/>
                  <a:gd name="connsiteX5" fmla="*/ 0 w 76515"/>
                  <a:gd name="connsiteY5" fmla="*/ 6477 h 32956"/>
                  <a:gd name="connsiteX6" fmla="*/ 71831 w 76515"/>
                  <a:gd name="connsiteY6" fmla="*/ 32671 h 329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6515" h="32956">
                    <a:moveTo>
                      <a:pt x="71736" y="32766"/>
                    </a:moveTo>
                    <a:cubicBezTo>
                      <a:pt x="71736" y="32766"/>
                      <a:pt x="72593" y="32957"/>
                      <a:pt x="72973" y="32957"/>
                    </a:cubicBezTo>
                    <a:cubicBezTo>
                      <a:pt x="74400" y="32957"/>
                      <a:pt x="75827" y="32099"/>
                      <a:pt x="76303" y="30575"/>
                    </a:cubicBezTo>
                    <a:cubicBezTo>
                      <a:pt x="76969" y="28766"/>
                      <a:pt x="76018" y="26670"/>
                      <a:pt x="74210" y="26003"/>
                    </a:cubicBezTo>
                    <a:lnTo>
                      <a:pt x="3140" y="0"/>
                    </a:lnTo>
                    <a:cubicBezTo>
                      <a:pt x="2093" y="2096"/>
                      <a:pt x="951" y="4191"/>
                      <a:pt x="0" y="6477"/>
                    </a:cubicBezTo>
                    <a:lnTo>
                      <a:pt x="71831" y="32671"/>
                    </a:lnTo>
                    <a:close/>
                  </a:path>
                </a:pathLst>
              </a:custGeom>
              <a:solidFill>
                <a:srgbClr val="B3B3B3"/>
              </a:solidFill>
              <a:ln w="9492" cap="flat">
                <a:noFill/>
                <a:prstDash val="solid"/>
                <a:miter/>
              </a:ln>
            </p:spPr>
            <p:txBody>
              <a:bodyPr rtlCol="0" anchor="ctr"/>
              <a:lstStyle/>
              <a:p>
                <a:endParaRPr lang="en-US"/>
              </a:p>
            </p:txBody>
          </p:sp>
          <p:sp>
            <p:nvSpPr>
              <p:cNvPr id="81" name="Freeform 80">
                <a:extLst>
                  <a:ext uri="{FF2B5EF4-FFF2-40B4-BE49-F238E27FC236}">
                    <a16:creationId xmlns:a16="http://schemas.microsoft.com/office/drawing/2014/main" id="{9482A0DA-8AE3-28CF-9A01-E11C4343EA08}"/>
                  </a:ext>
                </a:extLst>
              </p:cNvPr>
              <p:cNvSpPr/>
              <p:nvPr/>
            </p:nvSpPr>
            <p:spPr>
              <a:xfrm>
                <a:off x="3614721" y="3511542"/>
                <a:ext cx="73090" cy="32289"/>
              </a:xfrm>
              <a:custGeom>
                <a:avLst/>
                <a:gdLst>
                  <a:gd name="connsiteX0" fmla="*/ 68311 w 73090"/>
                  <a:gd name="connsiteY0" fmla="*/ 32099 h 32289"/>
                  <a:gd name="connsiteX1" fmla="*/ 69548 w 73090"/>
                  <a:gd name="connsiteY1" fmla="*/ 32290 h 32289"/>
                  <a:gd name="connsiteX2" fmla="*/ 72878 w 73090"/>
                  <a:gd name="connsiteY2" fmla="*/ 29909 h 32289"/>
                  <a:gd name="connsiteX3" fmla="*/ 70785 w 73090"/>
                  <a:gd name="connsiteY3" fmla="*/ 25336 h 32289"/>
                  <a:gd name="connsiteX4" fmla="*/ 1808 w 73090"/>
                  <a:gd name="connsiteY4" fmla="*/ 0 h 32289"/>
                  <a:gd name="connsiteX5" fmla="*/ 0 w 73090"/>
                  <a:gd name="connsiteY5" fmla="*/ 6953 h 32289"/>
                  <a:gd name="connsiteX6" fmla="*/ 68311 w 73090"/>
                  <a:gd name="connsiteY6" fmla="*/ 32004 h 322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3090" h="32289">
                    <a:moveTo>
                      <a:pt x="68311" y="32099"/>
                    </a:moveTo>
                    <a:cubicBezTo>
                      <a:pt x="68311" y="32099"/>
                      <a:pt x="69167" y="32290"/>
                      <a:pt x="69548" y="32290"/>
                    </a:cubicBezTo>
                    <a:cubicBezTo>
                      <a:pt x="70975" y="32290"/>
                      <a:pt x="72402" y="31433"/>
                      <a:pt x="72878" y="29909"/>
                    </a:cubicBezTo>
                    <a:cubicBezTo>
                      <a:pt x="73544" y="28099"/>
                      <a:pt x="72592" y="26003"/>
                      <a:pt x="70785" y="25336"/>
                    </a:cubicBezTo>
                    <a:lnTo>
                      <a:pt x="1808" y="0"/>
                    </a:lnTo>
                    <a:cubicBezTo>
                      <a:pt x="1237" y="2286"/>
                      <a:pt x="571" y="4667"/>
                      <a:pt x="0" y="6953"/>
                    </a:cubicBezTo>
                    <a:lnTo>
                      <a:pt x="68311" y="32004"/>
                    </a:lnTo>
                    <a:close/>
                  </a:path>
                </a:pathLst>
              </a:custGeom>
              <a:solidFill>
                <a:srgbClr val="B3B3B3"/>
              </a:solidFill>
              <a:ln w="9492" cap="flat">
                <a:noFill/>
                <a:prstDash val="solid"/>
                <a:miter/>
              </a:ln>
            </p:spPr>
            <p:txBody>
              <a:bodyPr rtlCol="0" anchor="ctr"/>
              <a:lstStyle/>
              <a:p>
                <a:endParaRPr lang="en-US"/>
              </a:p>
            </p:txBody>
          </p:sp>
          <p:sp>
            <p:nvSpPr>
              <p:cNvPr id="82" name="Freeform 81">
                <a:extLst>
                  <a:ext uri="{FF2B5EF4-FFF2-40B4-BE49-F238E27FC236}">
                    <a16:creationId xmlns:a16="http://schemas.microsoft.com/office/drawing/2014/main" id="{D816F630-E7D8-7E19-5538-D1F2825C0CD4}"/>
                  </a:ext>
                </a:extLst>
              </p:cNvPr>
              <p:cNvSpPr/>
              <p:nvPr/>
            </p:nvSpPr>
            <p:spPr>
              <a:xfrm>
                <a:off x="3759884" y="3605627"/>
                <a:ext cx="56154" cy="24881"/>
              </a:xfrm>
              <a:custGeom>
                <a:avLst/>
                <a:gdLst>
                  <a:gd name="connsiteX0" fmla="*/ 4779 w 56154"/>
                  <a:gd name="connsiteY0" fmla="*/ 212 h 24881"/>
                  <a:gd name="connsiteX1" fmla="*/ 212 w 56154"/>
                  <a:gd name="connsiteY1" fmla="*/ 2403 h 24881"/>
                  <a:gd name="connsiteX2" fmla="*/ 2400 w 56154"/>
                  <a:gd name="connsiteY2" fmla="*/ 6975 h 24881"/>
                  <a:gd name="connsiteX3" fmla="*/ 52254 w 56154"/>
                  <a:gd name="connsiteY3" fmla="*/ 24882 h 24881"/>
                  <a:gd name="connsiteX4" fmla="*/ 56155 w 56154"/>
                  <a:gd name="connsiteY4" fmla="*/ 18691 h 24881"/>
                  <a:gd name="connsiteX5" fmla="*/ 4874 w 56154"/>
                  <a:gd name="connsiteY5" fmla="*/ 307 h 248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6154" h="24881">
                    <a:moveTo>
                      <a:pt x="4779" y="212"/>
                    </a:moveTo>
                    <a:cubicBezTo>
                      <a:pt x="2876" y="-455"/>
                      <a:pt x="878" y="498"/>
                      <a:pt x="212" y="2403"/>
                    </a:cubicBezTo>
                    <a:cubicBezTo>
                      <a:pt x="-454" y="4213"/>
                      <a:pt x="497" y="6308"/>
                      <a:pt x="2400" y="6975"/>
                    </a:cubicBezTo>
                    <a:lnTo>
                      <a:pt x="52254" y="24882"/>
                    </a:lnTo>
                    <a:cubicBezTo>
                      <a:pt x="53586" y="22882"/>
                      <a:pt x="54823" y="20786"/>
                      <a:pt x="56155" y="18691"/>
                    </a:cubicBezTo>
                    <a:lnTo>
                      <a:pt x="4874" y="307"/>
                    </a:lnTo>
                    <a:close/>
                  </a:path>
                </a:pathLst>
              </a:custGeom>
              <a:solidFill>
                <a:srgbClr val="B3B3B3"/>
              </a:solidFill>
              <a:ln w="9492" cap="flat">
                <a:noFill/>
                <a:prstDash val="solid"/>
                <a:miter/>
              </a:ln>
            </p:spPr>
            <p:txBody>
              <a:bodyPr rtlCol="0" anchor="ctr"/>
              <a:lstStyle/>
              <a:p>
                <a:endParaRPr lang="en-US"/>
              </a:p>
            </p:txBody>
          </p:sp>
          <p:sp>
            <p:nvSpPr>
              <p:cNvPr id="83" name="Freeform 82">
                <a:extLst>
                  <a:ext uri="{FF2B5EF4-FFF2-40B4-BE49-F238E27FC236}">
                    <a16:creationId xmlns:a16="http://schemas.microsoft.com/office/drawing/2014/main" id="{43C9B17D-946D-1A6F-4D8C-DA62843C7B10}"/>
                  </a:ext>
                </a:extLst>
              </p:cNvPr>
              <p:cNvSpPr/>
              <p:nvPr/>
            </p:nvSpPr>
            <p:spPr>
              <a:xfrm>
                <a:off x="3772822" y="3570098"/>
                <a:ext cx="59675" cy="26978"/>
              </a:xfrm>
              <a:custGeom>
                <a:avLst/>
                <a:gdLst>
                  <a:gd name="connsiteX0" fmla="*/ 4780 w 59675"/>
                  <a:gd name="connsiteY0" fmla="*/ 213 h 26978"/>
                  <a:gd name="connsiteX1" fmla="*/ 213 w 59675"/>
                  <a:gd name="connsiteY1" fmla="*/ 2309 h 26978"/>
                  <a:gd name="connsiteX2" fmla="*/ 2306 w 59675"/>
                  <a:gd name="connsiteY2" fmla="*/ 6881 h 26978"/>
                  <a:gd name="connsiteX3" fmla="*/ 57012 w 59675"/>
                  <a:gd name="connsiteY3" fmla="*/ 26978 h 26978"/>
                  <a:gd name="connsiteX4" fmla="*/ 59676 w 59675"/>
                  <a:gd name="connsiteY4" fmla="*/ 20311 h 26978"/>
                  <a:gd name="connsiteX5" fmla="*/ 4875 w 59675"/>
                  <a:gd name="connsiteY5" fmla="*/ 118 h 26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9675" h="26978">
                    <a:moveTo>
                      <a:pt x="4780" y="213"/>
                    </a:moveTo>
                    <a:cubicBezTo>
                      <a:pt x="2972" y="-454"/>
                      <a:pt x="879" y="499"/>
                      <a:pt x="213" y="2309"/>
                    </a:cubicBezTo>
                    <a:cubicBezTo>
                      <a:pt x="-453" y="4118"/>
                      <a:pt x="498" y="6214"/>
                      <a:pt x="2306" y="6881"/>
                    </a:cubicBezTo>
                    <a:lnTo>
                      <a:pt x="57012" y="26978"/>
                    </a:lnTo>
                    <a:cubicBezTo>
                      <a:pt x="57963" y="24788"/>
                      <a:pt x="58820" y="22597"/>
                      <a:pt x="59676" y="20311"/>
                    </a:cubicBezTo>
                    <a:lnTo>
                      <a:pt x="4875" y="118"/>
                    </a:lnTo>
                    <a:close/>
                  </a:path>
                </a:pathLst>
              </a:custGeom>
              <a:solidFill>
                <a:srgbClr val="B3B3B3"/>
              </a:solidFill>
              <a:ln w="9492" cap="flat">
                <a:noFill/>
                <a:prstDash val="solid"/>
                <a:miter/>
              </a:ln>
            </p:spPr>
            <p:txBody>
              <a:bodyPr rtlCol="0" anchor="ctr"/>
              <a:lstStyle/>
              <a:p>
                <a:endParaRPr lang="en-US"/>
              </a:p>
            </p:txBody>
          </p:sp>
          <p:sp>
            <p:nvSpPr>
              <p:cNvPr id="84" name="Freeform 83">
                <a:extLst>
                  <a:ext uri="{FF2B5EF4-FFF2-40B4-BE49-F238E27FC236}">
                    <a16:creationId xmlns:a16="http://schemas.microsoft.com/office/drawing/2014/main" id="{B2952DAA-2C12-EA5A-DE51-0C8FFE441B41}"/>
                  </a:ext>
                </a:extLst>
              </p:cNvPr>
              <p:cNvSpPr/>
              <p:nvPr/>
            </p:nvSpPr>
            <p:spPr>
              <a:xfrm>
                <a:off x="3649162" y="3446105"/>
                <a:ext cx="71283" cy="29813"/>
              </a:xfrm>
              <a:custGeom>
                <a:avLst/>
                <a:gdLst>
                  <a:gd name="connsiteX0" fmla="*/ 951 w 71283"/>
                  <a:gd name="connsiteY0" fmla="*/ 5715 h 29813"/>
                  <a:gd name="connsiteX1" fmla="*/ 66503 w 71283"/>
                  <a:gd name="connsiteY1" fmla="*/ 29623 h 29813"/>
                  <a:gd name="connsiteX2" fmla="*/ 67740 w 71283"/>
                  <a:gd name="connsiteY2" fmla="*/ 29813 h 29813"/>
                  <a:gd name="connsiteX3" fmla="*/ 71070 w 71283"/>
                  <a:gd name="connsiteY3" fmla="*/ 27432 h 29813"/>
                  <a:gd name="connsiteX4" fmla="*/ 68977 w 71283"/>
                  <a:gd name="connsiteY4" fmla="*/ 22860 h 29813"/>
                  <a:gd name="connsiteX5" fmla="*/ 6470 w 71283"/>
                  <a:gd name="connsiteY5" fmla="*/ 0 h 29813"/>
                  <a:gd name="connsiteX6" fmla="*/ 0 w 71283"/>
                  <a:gd name="connsiteY6" fmla="*/ 4953 h 29813"/>
                  <a:gd name="connsiteX7" fmla="*/ 1047 w 71283"/>
                  <a:gd name="connsiteY7" fmla="*/ 5620 h 29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1283" h="29813">
                    <a:moveTo>
                      <a:pt x="951" y="5715"/>
                    </a:moveTo>
                    <a:lnTo>
                      <a:pt x="66503" y="29623"/>
                    </a:lnTo>
                    <a:cubicBezTo>
                      <a:pt x="66503" y="29623"/>
                      <a:pt x="67360" y="29813"/>
                      <a:pt x="67740" y="29813"/>
                    </a:cubicBezTo>
                    <a:cubicBezTo>
                      <a:pt x="69167" y="29813"/>
                      <a:pt x="70595" y="28956"/>
                      <a:pt x="71070" y="27432"/>
                    </a:cubicBezTo>
                    <a:cubicBezTo>
                      <a:pt x="71736" y="25622"/>
                      <a:pt x="70785" y="23527"/>
                      <a:pt x="68977" y="22860"/>
                    </a:cubicBezTo>
                    <a:lnTo>
                      <a:pt x="6470" y="0"/>
                    </a:lnTo>
                    <a:cubicBezTo>
                      <a:pt x="4281" y="1524"/>
                      <a:pt x="2093" y="3143"/>
                      <a:pt x="0" y="4953"/>
                    </a:cubicBezTo>
                    <a:cubicBezTo>
                      <a:pt x="285" y="5239"/>
                      <a:pt x="666" y="5429"/>
                      <a:pt x="1047" y="5620"/>
                    </a:cubicBezTo>
                    <a:close/>
                  </a:path>
                </a:pathLst>
              </a:custGeom>
              <a:solidFill>
                <a:srgbClr val="B3B3B3"/>
              </a:solidFill>
              <a:ln w="9492" cap="flat">
                <a:noFill/>
                <a:prstDash val="solid"/>
                <a:miter/>
              </a:ln>
            </p:spPr>
            <p:txBody>
              <a:bodyPr rtlCol="0" anchor="ctr"/>
              <a:lstStyle/>
              <a:p>
                <a:endParaRPr lang="en-US"/>
              </a:p>
            </p:txBody>
          </p:sp>
          <p:sp>
            <p:nvSpPr>
              <p:cNvPr id="85" name="Freeform 84">
                <a:extLst>
                  <a:ext uri="{FF2B5EF4-FFF2-40B4-BE49-F238E27FC236}">
                    <a16:creationId xmlns:a16="http://schemas.microsoft.com/office/drawing/2014/main" id="{7C17B29C-4DEB-386D-5E43-C731CDBA57C7}"/>
                  </a:ext>
                </a:extLst>
              </p:cNvPr>
              <p:cNvSpPr/>
              <p:nvPr/>
            </p:nvSpPr>
            <p:spPr>
              <a:xfrm>
                <a:off x="3782241" y="3494089"/>
                <a:ext cx="60722" cy="28311"/>
              </a:xfrm>
              <a:custGeom>
                <a:avLst/>
                <a:gdLst>
                  <a:gd name="connsiteX0" fmla="*/ 4780 w 60722"/>
                  <a:gd name="connsiteY0" fmla="*/ 213 h 28311"/>
                  <a:gd name="connsiteX1" fmla="*/ 213 w 60722"/>
                  <a:gd name="connsiteY1" fmla="*/ 2309 h 28311"/>
                  <a:gd name="connsiteX2" fmla="*/ 2306 w 60722"/>
                  <a:gd name="connsiteY2" fmla="*/ 6881 h 28311"/>
                  <a:gd name="connsiteX3" fmla="*/ 60723 w 60722"/>
                  <a:gd name="connsiteY3" fmla="*/ 28312 h 28311"/>
                  <a:gd name="connsiteX4" fmla="*/ 60247 w 60722"/>
                  <a:gd name="connsiteY4" fmla="*/ 20501 h 28311"/>
                  <a:gd name="connsiteX5" fmla="*/ 4780 w 60722"/>
                  <a:gd name="connsiteY5" fmla="*/ 213 h 283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0722" h="28311">
                    <a:moveTo>
                      <a:pt x="4780" y="213"/>
                    </a:moveTo>
                    <a:cubicBezTo>
                      <a:pt x="2972" y="-454"/>
                      <a:pt x="879" y="499"/>
                      <a:pt x="213" y="2309"/>
                    </a:cubicBezTo>
                    <a:cubicBezTo>
                      <a:pt x="-453" y="4118"/>
                      <a:pt x="498" y="6214"/>
                      <a:pt x="2306" y="6881"/>
                    </a:cubicBezTo>
                    <a:lnTo>
                      <a:pt x="60723" y="28312"/>
                    </a:lnTo>
                    <a:cubicBezTo>
                      <a:pt x="60627" y="25740"/>
                      <a:pt x="60437" y="23168"/>
                      <a:pt x="60247" y="20501"/>
                    </a:cubicBezTo>
                    <a:lnTo>
                      <a:pt x="4780" y="213"/>
                    </a:lnTo>
                    <a:close/>
                  </a:path>
                </a:pathLst>
              </a:custGeom>
              <a:solidFill>
                <a:srgbClr val="B3B3B3"/>
              </a:solidFill>
              <a:ln w="9492" cap="flat">
                <a:noFill/>
                <a:prstDash val="solid"/>
                <a:miter/>
              </a:ln>
            </p:spPr>
            <p:txBody>
              <a:bodyPr rtlCol="0" anchor="ctr"/>
              <a:lstStyle/>
              <a:p>
                <a:endParaRPr lang="en-US"/>
              </a:p>
            </p:txBody>
          </p:sp>
          <p:sp>
            <p:nvSpPr>
              <p:cNvPr id="86" name="Freeform 85">
                <a:extLst>
                  <a:ext uri="{FF2B5EF4-FFF2-40B4-BE49-F238E27FC236}">
                    <a16:creationId xmlns:a16="http://schemas.microsoft.com/office/drawing/2014/main" id="{C38ABEB8-9136-3993-8CD6-1930C23DECFD}"/>
                  </a:ext>
                </a:extLst>
              </p:cNvPr>
              <p:cNvSpPr/>
              <p:nvPr/>
            </p:nvSpPr>
            <p:spPr>
              <a:xfrm>
                <a:off x="3780243" y="3532855"/>
                <a:ext cx="61483" cy="28121"/>
              </a:xfrm>
              <a:custGeom>
                <a:avLst/>
                <a:gdLst>
                  <a:gd name="connsiteX0" fmla="*/ 4780 w 61483"/>
                  <a:gd name="connsiteY0" fmla="*/ 213 h 28121"/>
                  <a:gd name="connsiteX1" fmla="*/ 213 w 61483"/>
                  <a:gd name="connsiteY1" fmla="*/ 2309 h 28121"/>
                  <a:gd name="connsiteX2" fmla="*/ 2306 w 61483"/>
                  <a:gd name="connsiteY2" fmla="*/ 6881 h 28121"/>
                  <a:gd name="connsiteX3" fmla="*/ 60342 w 61483"/>
                  <a:gd name="connsiteY3" fmla="*/ 28121 h 28121"/>
                  <a:gd name="connsiteX4" fmla="*/ 61484 w 61483"/>
                  <a:gd name="connsiteY4" fmla="*/ 20978 h 28121"/>
                  <a:gd name="connsiteX5" fmla="*/ 4780 w 61483"/>
                  <a:gd name="connsiteY5" fmla="*/ 213 h 281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1483" h="28121">
                    <a:moveTo>
                      <a:pt x="4780" y="213"/>
                    </a:moveTo>
                    <a:cubicBezTo>
                      <a:pt x="2972" y="-454"/>
                      <a:pt x="879" y="499"/>
                      <a:pt x="213" y="2309"/>
                    </a:cubicBezTo>
                    <a:cubicBezTo>
                      <a:pt x="-453" y="4118"/>
                      <a:pt x="498" y="6214"/>
                      <a:pt x="2306" y="6881"/>
                    </a:cubicBezTo>
                    <a:lnTo>
                      <a:pt x="60342" y="28121"/>
                    </a:lnTo>
                    <a:cubicBezTo>
                      <a:pt x="60722" y="25740"/>
                      <a:pt x="61198" y="23359"/>
                      <a:pt x="61484" y="20978"/>
                    </a:cubicBezTo>
                    <a:lnTo>
                      <a:pt x="4780" y="213"/>
                    </a:lnTo>
                    <a:close/>
                  </a:path>
                </a:pathLst>
              </a:custGeom>
              <a:solidFill>
                <a:srgbClr val="B3B3B3"/>
              </a:solidFill>
              <a:ln w="9492" cap="flat">
                <a:noFill/>
                <a:prstDash val="solid"/>
                <a:miter/>
              </a:ln>
            </p:spPr>
            <p:txBody>
              <a:bodyPr rtlCol="0" anchor="ctr"/>
              <a:lstStyle/>
              <a:p>
                <a:endParaRPr lang="en-US"/>
              </a:p>
            </p:txBody>
          </p:sp>
          <p:sp>
            <p:nvSpPr>
              <p:cNvPr id="87" name="Freeform 86">
                <a:extLst>
                  <a:ext uri="{FF2B5EF4-FFF2-40B4-BE49-F238E27FC236}">
                    <a16:creationId xmlns:a16="http://schemas.microsoft.com/office/drawing/2014/main" id="{BACB554E-D8BD-7E6B-3DC3-93B5FC7EA282}"/>
                  </a:ext>
                </a:extLst>
              </p:cNvPr>
              <p:cNvSpPr/>
              <p:nvPr/>
            </p:nvSpPr>
            <p:spPr>
              <a:xfrm>
                <a:off x="4575204" y="4507417"/>
                <a:ext cx="49722" cy="42540"/>
              </a:xfrm>
              <a:custGeom>
                <a:avLst/>
                <a:gdLst>
                  <a:gd name="connsiteX0" fmla="*/ 5863 w 49722"/>
                  <a:gd name="connsiteY0" fmla="*/ 821 h 42540"/>
                  <a:gd name="connsiteX1" fmla="*/ 820 w 49722"/>
                  <a:gd name="connsiteY1" fmla="*/ 1202 h 42540"/>
                  <a:gd name="connsiteX2" fmla="*/ 1201 w 49722"/>
                  <a:gd name="connsiteY2" fmla="*/ 6250 h 42540"/>
                  <a:gd name="connsiteX3" fmla="*/ 44109 w 49722"/>
                  <a:gd name="connsiteY3" fmla="*/ 42541 h 42540"/>
                  <a:gd name="connsiteX4" fmla="*/ 49723 w 49722"/>
                  <a:gd name="connsiteY4" fmla="*/ 37969 h 42540"/>
                  <a:gd name="connsiteX5" fmla="*/ 5767 w 49722"/>
                  <a:gd name="connsiteY5" fmla="*/ 821 h 42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722" h="42540">
                    <a:moveTo>
                      <a:pt x="5863" y="821"/>
                    </a:moveTo>
                    <a:cubicBezTo>
                      <a:pt x="4340" y="-417"/>
                      <a:pt x="2152" y="-227"/>
                      <a:pt x="820" y="1202"/>
                    </a:cubicBezTo>
                    <a:cubicBezTo>
                      <a:pt x="-417" y="2726"/>
                      <a:pt x="-226" y="5012"/>
                      <a:pt x="1201" y="6250"/>
                    </a:cubicBezTo>
                    <a:lnTo>
                      <a:pt x="44109" y="42541"/>
                    </a:lnTo>
                    <a:cubicBezTo>
                      <a:pt x="46012" y="41017"/>
                      <a:pt x="47915" y="39493"/>
                      <a:pt x="49723" y="37969"/>
                    </a:cubicBezTo>
                    <a:lnTo>
                      <a:pt x="5767" y="821"/>
                    </a:lnTo>
                    <a:close/>
                  </a:path>
                </a:pathLst>
              </a:custGeom>
              <a:solidFill>
                <a:srgbClr val="B3B3B3"/>
              </a:solidFill>
              <a:ln w="9492" cap="flat">
                <a:noFill/>
                <a:prstDash val="solid"/>
                <a:miter/>
              </a:ln>
            </p:spPr>
            <p:txBody>
              <a:bodyPr rtlCol="0" anchor="ctr"/>
              <a:lstStyle/>
              <a:p>
                <a:endParaRPr lang="en-US"/>
              </a:p>
            </p:txBody>
          </p:sp>
          <p:sp>
            <p:nvSpPr>
              <p:cNvPr id="88" name="Freeform 87">
                <a:extLst>
                  <a:ext uri="{FF2B5EF4-FFF2-40B4-BE49-F238E27FC236}">
                    <a16:creationId xmlns:a16="http://schemas.microsoft.com/office/drawing/2014/main" id="{983E6E0E-A76E-93FB-79C2-B64061FD0D2D}"/>
                  </a:ext>
                </a:extLst>
              </p:cNvPr>
              <p:cNvSpPr/>
              <p:nvPr/>
            </p:nvSpPr>
            <p:spPr>
              <a:xfrm>
                <a:off x="4646758" y="4469992"/>
                <a:ext cx="29829" cy="26244"/>
              </a:xfrm>
              <a:custGeom>
                <a:avLst/>
                <a:gdLst>
                  <a:gd name="connsiteX0" fmla="*/ 5854 w 29829"/>
                  <a:gd name="connsiteY0" fmla="*/ 813 h 26244"/>
                  <a:gd name="connsiteX1" fmla="*/ 812 w 29829"/>
                  <a:gd name="connsiteY1" fmla="*/ 1289 h 26244"/>
                  <a:gd name="connsiteX2" fmla="*/ 1288 w 29829"/>
                  <a:gd name="connsiteY2" fmla="*/ 6337 h 26244"/>
                  <a:gd name="connsiteX3" fmla="*/ 25263 w 29829"/>
                  <a:gd name="connsiteY3" fmla="*/ 26245 h 26244"/>
                  <a:gd name="connsiteX4" fmla="*/ 29830 w 29829"/>
                  <a:gd name="connsiteY4" fmla="*/ 20720 h 26244"/>
                  <a:gd name="connsiteX5" fmla="*/ 5854 w 29829"/>
                  <a:gd name="connsiteY5" fmla="*/ 813 h 262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9829" h="26244">
                    <a:moveTo>
                      <a:pt x="5854" y="813"/>
                    </a:moveTo>
                    <a:cubicBezTo>
                      <a:pt x="4332" y="-425"/>
                      <a:pt x="2049" y="-235"/>
                      <a:pt x="812" y="1289"/>
                    </a:cubicBezTo>
                    <a:cubicBezTo>
                      <a:pt x="-425" y="2813"/>
                      <a:pt x="-235" y="5099"/>
                      <a:pt x="1288" y="6337"/>
                    </a:cubicBezTo>
                    <a:lnTo>
                      <a:pt x="25263" y="26245"/>
                    </a:lnTo>
                    <a:cubicBezTo>
                      <a:pt x="26785" y="24435"/>
                      <a:pt x="28308" y="22625"/>
                      <a:pt x="29830" y="20720"/>
                    </a:cubicBezTo>
                    <a:lnTo>
                      <a:pt x="5854" y="813"/>
                    </a:lnTo>
                    <a:close/>
                  </a:path>
                </a:pathLst>
              </a:custGeom>
              <a:solidFill>
                <a:srgbClr val="B3B3B3"/>
              </a:solidFill>
              <a:ln w="9492" cap="flat">
                <a:noFill/>
                <a:prstDash val="solid"/>
                <a:miter/>
              </a:ln>
            </p:spPr>
            <p:txBody>
              <a:bodyPr rtlCol="0" anchor="ctr"/>
              <a:lstStyle/>
              <a:p>
                <a:endParaRPr lang="en-US"/>
              </a:p>
            </p:txBody>
          </p:sp>
          <p:sp>
            <p:nvSpPr>
              <p:cNvPr id="89" name="Freeform 88">
                <a:extLst>
                  <a:ext uri="{FF2B5EF4-FFF2-40B4-BE49-F238E27FC236}">
                    <a16:creationId xmlns:a16="http://schemas.microsoft.com/office/drawing/2014/main" id="{282D94F7-D545-74A7-1333-7B9FACDB2A8A}"/>
                  </a:ext>
                </a:extLst>
              </p:cNvPr>
              <p:cNvSpPr/>
              <p:nvPr/>
            </p:nvSpPr>
            <p:spPr>
              <a:xfrm>
                <a:off x="4624591" y="4500091"/>
                <a:ext cx="27736" cy="24053"/>
              </a:xfrm>
              <a:custGeom>
                <a:avLst/>
                <a:gdLst>
                  <a:gd name="connsiteX0" fmla="*/ 5854 w 27736"/>
                  <a:gd name="connsiteY0" fmla="*/ 813 h 24053"/>
                  <a:gd name="connsiteX1" fmla="*/ 812 w 27736"/>
                  <a:gd name="connsiteY1" fmla="*/ 1289 h 24053"/>
                  <a:gd name="connsiteX2" fmla="*/ 1288 w 27736"/>
                  <a:gd name="connsiteY2" fmla="*/ 6337 h 24053"/>
                  <a:gd name="connsiteX3" fmla="*/ 22694 w 27736"/>
                  <a:gd name="connsiteY3" fmla="*/ 24054 h 24053"/>
                  <a:gd name="connsiteX4" fmla="*/ 27737 w 27736"/>
                  <a:gd name="connsiteY4" fmla="*/ 18910 h 24053"/>
                  <a:gd name="connsiteX5" fmla="*/ 5854 w 27736"/>
                  <a:gd name="connsiteY5" fmla="*/ 813 h 240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736" h="24053">
                    <a:moveTo>
                      <a:pt x="5854" y="813"/>
                    </a:moveTo>
                    <a:cubicBezTo>
                      <a:pt x="4332" y="-425"/>
                      <a:pt x="2049" y="-235"/>
                      <a:pt x="812" y="1289"/>
                    </a:cubicBezTo>
                    <a:cubicBezTo>
                      <a:pt x="-425" y="2813"/>
                      <a:pt x="-235" y="5099"/>
                      <a:pt x="1288" y="6337"/>
                    </a:cubicBezTo>
                    <a:lnTo>
                      <a:pt x="22694" y="24054"/>
                    </a:lnTo>
                    <a:cubicBezTo>
                      <a:pt x="24312" y="22339"/>
                      <a:pt x="26024" y="20720"/>
                      <a:pt x="27737" y="18910"/>
                    </a:cubicBezTo>
                    <a:lnTo>
                      <a:pt x="5854" y="813"/>
                    </a:lnTo>
                    <a:close/>
                  </a:path>
                </a:pathLst>
              </a:custGeom>
              <a:solidFill>
                <a:srgbClr val="B3B3B3"/>
              </a:solidFill>
              <a:ln w="9492" cap="flat">
                <a:noFill/>
                <a:prstDash val="solid"/>
                <a:miter/>
              </a:ln>
            </p:spPr>
            <p:txBody>
              <a:bodyPr rtlCol="0" anchor="ctr"/>
              <a:lstStyle/>
              <a:p>
                <a:endParaRPr lang="en-US"/>
              </a:p>
            </p:txBody>
          </p:sp>
          <p:sp>
            <p:nvSpPr>
              <p:cNvPr id="90" name="Freeform 89">
                <a:extLst>
                  <a:ext uri="{FF2B5EF4-FFF2-40B4-BE49-F238E27FC236}">
                    <a16:creationId xmlns:a16="http://schemas.microsoft.com/office/drawing/2014/main" id="{9C55CC87-9417-590F-93D0-60F51B7EE831}"/>
                  </a:ext>
                </a:extLst>
              </p:cNvPr>
              <p:cNvSpPr/>
              <p:nvPr/>
            </p:nvSpPr>
            <p:spPr>
              <a:xfrm>
                <a:off x="4673493" y="4443703"/>
                <a:ext cx="25548" cy="22815"/>
              </a:xfrm>
              <a:custGeom>
                <a:avLst/>
                <a:gdLst>
                  <a:gd name="connsiteX0" fmla="*/ 5854 w 25548"/>
                  <a:gd name="connsiteY0" fmla="*/ 813 h 22815"/>
                  <a:gd name="connsiteX1" fmla="*/ 812 w 25548"/>
                  <a:gd name="connsiteY1" fmla="*/ 1289 h 22815"/>
                  <a:gd name="connsiteX2" fmla="*/ 1288 w 25548"/>
                  <a:gd name="connsiteY2" fmla="*/ 6337 h 22815"/>
                  <a:gd name="connsiteX3" fmla="*/ 21362 w 25548"/>
                  <a:gd name="connsiteY3" fmla="*/ 22816 h 22815"/>
                  <a:gd name="connsiteX4" fmla="*/ 25549 w 25548"/>
                  <a:gd name="connsiteY4" fmla="*/ 17005 h 22815"/>
                  <a:gd name="connsiteX5" fmla="*/ 5759 w 25548"/>
                  <a:gd name="connsiteY5" fmla="*/ 813 h 228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5548" h="22815">
                    <a:moveTo>
                      <a:pt x="5854" y="813"/>
                    </a:moveTo>
                    <a:cubicBezTo>
                      <a:pt x="4332" y="-425"/>
                      <a:pt x="2049" y="-235"/>
                      <a:pt x="812" y="1289"/>
                    </a:cubicBezTo>
                    <a:cubicBezTo>
                      <a:pt x="-425" y="2813"/>
                      <a:pt x="-235" y="5099"/>
                      <a:pt x="1288" y="6337"/>
                    </a:cubicBezTo>
                    <a:lnTo>
                      <a:pt x="21362" y="22816"/>
                    </a:lnTo>
                    <a:cubicBezTo>
                      <a:pt x="22789" y="20911"/>
                      <a:pt x="24217" y="19005"/>
                      <a:pt x="25549" y="17005"/>
                    </a:cubicBezTo>
                    <a:lnTo>
                      <a:pt x="5759" y="813"/>
                    </a:lnTo>
                    <a:close/>
                  </a:path>
                </a:pathLst>
              </a:custGeom>
              <a:solidFill>
                <a:srgbClr val="B3B3B3"/>
              </a:solidFill>
              <a:ln w="9492" cap="flat">
                <a:noFill/>
                <a:prstDash val="solid"/>
                <a:miter/>
              </a:ln>
            </p:spPr>
            <p:txBody>
              <a:bodyPr rtlCol="0" anchor="ctr"/>
              <a:lstStyle/>
              <a:p>
                <a:endParaRPr lang="en-US"/>
              </a:p>
            </p:txBody>
          </p:sp>
          <p:sp>
            <p:nvSpPr>
              <p:cNvPr id="91" name="Freeform 90">
                <a:extLst>
                  <a:ext uri="{FF2B5EF4-FFF2-40B4-BE49-F238E27FC236}">
                    <a16:creationId xmlns:a16="http://schemas.microsoft.com/office/drawing/2014/main" id="{D4D47093-DBCB-6D63-7307-1B6E807D3924}"/>
                  </a:ext>
                </a:extLst>
              </p:cNvPr>
              <p:cNvSpPr/>
              <p:nvPr/>
            </p:nvSpPr>
            <p:spPr>
              <a:xfrm>
                <a:off x="4705896" y="4421787"/>
                <a:ext cx="14647" cy="14156"/>
              </a:xfrm>
              <a:custGeom>
                <a:avLst/>
                <a:gdLst>
                  <a:gd name="connsiteX0" fmla="*/ 5895 w 14647"/>
                  <a:gd name="connsiteY0" fmla="*/ 821 h 14156"/>
                  <a:gd name="connsiteX1" fmla="*/ 852 w 14647"/>
                  <a:gd name="connsiteY1" fmla="*/ 1202 h 14156"/>
                  <a:gd name="connsiteX2" fmla="*/ 1233 w 14647"/>
                  <a:gd name="connsiteY2" fmla="*/ 6250 h 14156"/>
                  <a:gd name="connsiteX3" fmla="*/ 10556 w 14647"/>
                  <a:gd name="connsiteY3" fmla="*/ 14156 h 14156"/>
                  <a:gd name="connsiteX4" fmla="*/ 14647 w 14647"/>
                  <a:gd name="connsiteY4" fmla="*/ 8251 h 14156"/>
                  <a:gd name="connsiteX5" fmla="*/ 5895 w 14647"/>
                  <a:gd name="connsiteY5" fmla="*/ 821 h 141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4647" h="14156">
                    <a:moveTo>
                      <a:pt x="5895" y="821"/>
                    </a:moveTo>
                    <a:cubicBezTo>
                      <a:pt x="4372" y="-417"/>
                      <a:pt x="2184" y="-227"/>
                      <a:pt x="852" y="1202"/>
                    </a:cubicBezTo>
                    <a:cubicBezTo>
                      <a:pt x="-385" y="2726"/>
                      <a:pt x="-290" y="4917"/>
                      <a:pt x="1233" y="6250"/>
                    </a:cubicBezTo>
                    <a:lnTo>
                      <a:pt x="10556" y="14156"/>
                    </a:lnTo>
                    <a:cubicBezTo>
                      <a:pt x="11888" y="12156"/>
                      <a:pt x="13316" y="10251"/>
                      <a:pt x="14647" y="8251"/>
                    </a:cubicBezTo>
                    <a:lnTo>
                      <a:pt x="5895" y="821"/>
                    </a:lnTo>
                    <a:close/>
                  </a:path>
                </a:pathLst>
              </a:custGeom>
              <a:solidFill>
                <a:srgbClr val="B3B3B3"/>
              </a:solidFill>
              <a:ln w="9492" cap="flat">
                <a:noFill/>
                <a:prstDash val="solid"/>
                <a:miter/>
              </a:ln>
            </p:spPr>
            <p:txBody>
              <a:bodyPr rtlCol="0" anchor="ctr"/>
              <a:lstStyle/>
              <a:p>
                <a:endParaRPr lang="en-US"/>
              </a:p>
            </p:txBody>
          </p:sp>
          <p:sp>
            <p:nvSpPr>
              <p:cNvPr id="92" name="Freeform 91">
                <a:extLst>
                  <a:ext uri="{FF2B5EF4-FFF2-40B4-BE49-F238E27FC236}">
                    <a16:creationId xmlns:a16="http://schemas.microsoft.com/office/drawing/2014/main" id="{C2BBD25C-A2F8-DACB-E49C-FFD442552928}"/>
                  </a:ext>
                </a:extLst>
              </p:cNvPr>
              <p:cNvSpPr/>
              <p:nvPr/>
            </p:nvSpPr>
            <p:spPr>
              <a:xfrm>
                <a:off x="4557282" y="4392128"/>
                <a:ext cx="31922" cy="29622"/>
              </a:xfrm>
              <a:custGeom>
                <a:avLst/>
                <a:gdLst>
                  <a:gd name="connsiteX0" fmla="*/ 26069 w 31922"/>
                  <a:gd name="connsiteY0" fmla="*/ 28765 h 29622"/>
                  <a:gd name="connsiteX1" fmla="*/ 28352 w 31922"/>
                  <a:gd name="connsiteY1" fmla="*/ 29623 h 29622"/>
                  <a:gd name="connsiteX2" fmla="*/ 31111 w 31922"/>
                  <a:gd name="connsiteY2" fmla="*/ 28289 h 29622"/>
                  <a:gd name="connsiteX3" fmla="*/ 30635 w 31922"/>
                  <a:gd name="connsiteY3" fmla="*/ 23241 h 29622"/>
                  <a:gd name="connsiteX4" fmla="*/ 2759 w 31922"/>
                  <a:gd name="connsiteY4" fmla="*/ 0 h 29622"/>
                  <a:gd name="connsiteX5" fmla="*/ 0 w 31922"/>
                  <a:gd name="connsiteY5" fmla="*/ 6953 h 29622"/>
                  <a:gd name="connsiteX6" fmla="*/ 26069 w 31922"/>
                  <a:gd name="connsiteY6" fmla="*/ 28670 h 29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1922" h="29622">
                    <a:moveTo>
                      <a:pt x="26069" y="28765"/>
                    </a:moveTo>
                    <a:cubicBezTo>
                      <a:pt x="26735" y="29337"/>
                      <a:pt x="27496" y="29623"/>
                      <a:pt x="28352" y="29623"/>
                    </a:cubicBezTo>
                    <a:cubicBezTo>
                      <a:pt x="29399" y="29623"/>
                      <a:pt x="30350" y="29146"/>
                      <a:pt x="31111" y="28289"/>
                    </a:cubicBezTo>
                    <a:cubicBezTo>
                      <a:pt x="32348" y="26765"/>
                      <a:pt x="32158" y="24479"/>
                      <a:pt x="30635" y="23241"/>
                    </a:cubicBezTo>
                    <a:lnTo>
                      <a:pt x="2759" y="0"/>
                    </a:lnTo>
                    <a:cubicBezTo>
                      <a:pt x="1808" y="2286"/>
                      <a:pt x="856" y="4667"/>
                      <a:pt x="0" y="6953"/>
                    </a:cubicBezTo>
                    <a:lnTo>
                      <a:pt x="26069" y="28670"/>
                    </a:lnTo>
                    <a:close/>
                  </a:path>
                </a:pathLst>
              </a:custGeom>
              <a:solidFill>
                <a:srgbClr val="B3B3B3"/>
              </a:solidFill>
              <a:ln w="9492" cap="flat">
                <a:noFill/>
                <a:prstDash val="solid"/>
                <a:miter/>
              </a:ln>
            </p:spPr>
            <p:txBody>
              <a:bodyPr rtlCol="0" anchor="ctr"/>
              <a:lstStyle/>
              <a:p>
                <a:endParaRPr lang="en-US"/>
              </a:p>
            </p:txBody>
          </p:sp>
          <p:sp>
            <p:nvSpPr>
              <p:cNvPr id="93" name="Freeform 92">
                <a:extLst>
                  <a:ext uri="{FF2B5EF4-FFF2-40B4-BE49-F238E27FC236}">
                    <a16:creationId xmlns:a16="http://schemas.microsoft.com/office/drawing/2014/main" id="{C9E97FD1-ECAC-7930-6999-3BAB15CD4CE8}"/>
                  </a:ext>
                </a:extLst>
              </p:cNvPr>
              <p:cNvSpPr/>
              <p:nvPr/>
            </p:nvSpPr>
            <p:spPr>
              <a:xfrm>
                <a:off x="4547292" y="4431085"/>
                <a:ext cx="15360" cy="17716"/>
              </a:xfrm>
              <a:custGeom>
                <a:avLst/>
                <a:gdLst>
                  <a:gd name="connsiteX0" fmla="*/ 9419 w 15360"/>
                  <a:gd name="connsiteY0" fmla="*/ 16764 h 17716"/>
                  <a:gd name="connsiteX1" fmla="*/ 11797 w 15360"/>
                  <a:gd name="connsiteY1" fmla="*/ 17717 h 17716"/>
                  <a:gd name="connsiteX2" fmla="*/ 14461 w 15360"/>
                  <a:gd name="connsiteY2" fmla="*/ 16478 h 17716"/>
                  <a:gd name="connsiteX3" fmla="*/ 14176 w 15360"/>
                  <a:gd name="connsiteY3" fmla="*/ 11430 h 17716"/>
                  <a:gd name="connsiteX4" fmla="*/ 1332 w 15360"/>
                  <a:gd name="connsiteY4" fmla="*/ 0 h 17716"/>
                  <a:gd name="connsiteX5" fmla="*/ 0 w 15360"/>
                  <a:gd name="connsiteY5" fmla="*/ 8382 h 17716"/>
                  <a:gd name="connsiteX6" fmla="*/ 9419 w 15360"/>
                  <a:gd name="connsiteY6" fmla="*/ 16859 h 177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5360" h="17716">
                    <a:moveTo>
                      <a:pt x="9419" y="16764"/>
                    </a:moveTo>
                    <a:cubicBezTo>
                      <a:pt x="10085" y="17335"/>
                      <a:pt x="10941" y="17717"/>
                      <a:pt x="11797" y="17717"/>
                    </a:cubicBezTo>
                    <a:cubicBezTo>
                      <a:pt x="12749" y="17717"/>
                      <a:pt x="13795" y="17335"/>
                      <a:pt x="14461" y="16478"/>
                    </a:cubicBezTo>
                    <a:cubicBezTo>
                      <a:pt x="15793" y="15050"/>
                      <a:pt x="15603" y="12764"/>
                      <a:pt x="14176" y="11430"/>
                    </a:cubicBezTo>
                    <a:lnTo>
                      <a:pt x="1332" y="0"/>
                    </a:lnTo>
                    <a:cubicBezTo>
                      <a:pt x="856" y="2762"/>
                      <a:pt x="380" y="5525"/>
                      <a:pt x="0" y="8382"/>
                    </a:cubicBezTo>
                    <a:lnTo>
                      <a:pt x="9419" y="16859"/>
                    </a:lnTo>
                    <a:close/>
                  </a:path>
                </a:pathLst>
              </a:custGeom>
              <a:solidFill>
                <a:srgbClr val="B3B3B3"/>
              </a:solidFill>
              <a:ln w="9492" cap="flat">
                <a:noFill/>
                <a:prstDash val="solid"/>
                <a:miter/>
              </a:ln>
            </p:spPr>
            <p:txBody>
              <a:bodyPr rtlCol="0" anchor="ctr"/>
              <a:lstStyle/>
              <a:p>
                <a:endParaRPr lang="en-US"/>
              </a:p>
            </p:txBody>
          </p:sp>
          <p:sp>
            <p:nvSpPr>
              <p:cNvPr id="94" name="Freeform 93">
                <a:extLst>
                  <a:ext uri="{FF2B5EF4-FFF2-40B4-BE49-F238E27FC236}">
                    <a16:creationId xmlns:a16="http://schemas.microsoft.com/office/drawing/2014/main" id="{E3FC30CD-68AD-E6CE-9F49-6B24AEAB384D}"/>
                  </a:ext>
                </a:extLst>
              </p:cNvPr>
              <p:cNvSpPr/>
              <p:nvPr/>
            </p:nvSpPr>
            <p:spPr>
              <a:xfrm>
                <a:off x="4574407" y="4359076"/>
                <a:ext cx="44616" cy="40100"/>
              </a:xfrm>
              <a:custGeom>
                <a:avLst/>
                <a:gdLst>
                  <a:gd name="connsiteX0" fmla="*/ 38818 w 44616"/>
                  <a:gd name="connsiteY0" fmla="*/ 39243 h 40100"/>
                  <a:gd name="connsiteX1" fmla="*/ 41101 w 44616"/>
                  <a:gd name="connsiteY1" fmla="*/ 40100 h 40100"/>
                  <a:gd name="connsiteX2" fmla="*/ 43765 w 44616"/>
                  <a:gd name="connsiteY2" fmla="*/ 38862 h 40100"/>
                  <a:gd name="connsiteX3" fmla="*/ 43384 w 44616"/>
                  <a:gd name="connsiteY3" fmla="*/ 33814 h 40100"/>
                  <a:gd name="connsiteX4" fmla="*/ 4091 w 44616"/>
                  <a:gd name="connsiteY4" fmla="*/ 0 h 40100"/>
                  <a:gd name="connsiteX5" fmla="*/ 0 w 44616"/>
                  <a:gd name="connsiteY5" fmla="*/ 5906 h 40100"/>
                  <a:gd name="connsiteX6" fmla="*/ 38722 w 44616"/>
                  <a:gd name="connsiteY6" fmla="*/ 39148 h 40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616" h="40100">
                    <a:moveTo>
                      <a:pt x="38818" y="39243"/>
                    </a:moveTo>
                    <a:cubicBezTo>
                      <a:pt x="39484" y="39815"/>
                      <a:pt x="40340" y="40100"/>
                      <a:pt x="41101" y="40100"/>
                    </a:cubicBezTo>
                    <a:cubicBezTo>
                      <a:pt x="42147" y="40100"/>
                      <a:pt x="43099" y="39719"/>
                      <a:pt x="43765" y="38862"/>
                    </a:cubicBezTo>
                    <a:cubicBezTo>
                      <a:pt x="45002" y="37338"/>
                      <a:pt x="44907" y="35147"/>
                      <a:pt x="43384" y="33814"/>
                    </a:cubicBezTo>
                    <a:lnTo>
                      <a:pt x="4091" y="0"/>
                    </a:lnTo>
                    <a:cubicBezTo>
                      <a:pt x="2664" y="2000"/>
                      <a:pt x="1332" y="3905"/>
                      <a:pt x="0" y="5906"/>
                    </a:cubicBezTo>
                    <a:lnTo>
                      <a:pt x="38722" y="39148"/>
                    </a:lnTo>
                    <a:close/>
                  </a:path>
                </a:pathLst>
              </a:custGeom>
              <a:solidFill>
                <a:srgbClr val="B3B3B3"/>
              </a:solidFill>
              <a:ln w="9492" cap="flat">
                <a:noFill/>
                <a:prstDash val="solid"/>
                <a:miter/>
              </a:ln>
            </p:spPr>
            <p:txBody>
              <a:bodyPr rtlCol="0" anchor="ctr"/>
              <a:lstStyle/>
              <a:p>
                <a:endParaRPr lang="en-US"/>
              </a:p>
            </p:txBody>
          </p:sp>
          <p:sp>
            <p:nvSpPr>
              <p:cNvPr id="95" name="Freeform 94">
                <a:extLst>
                  <a:ext uri="{FF2B5EF4-FFF2-40B4-BE49-F238E27FC236}">
                    <a16:creationId xmlns:a16="http://schemas.microsoft.com/office/drawing/2014/main" id="{CF205023-E07C-FEF9-A734-F607C44D2F3C}"/>
                  </a:ext>
                </a:extLst>
              </p:cNvPr>
              <p:cNvSpPr/>
              <p:nvPr/>
            </p:nvSpPr>
            <p:spPr>
              <a:xfrm>
                <a:off x="4598478" y="4330978"/>
                <a:ext cx="63327" cy="54578"/>
              </a:xfrm>
              <a:custGeom>
                <a:avLst/>
                <a:gdLst>
                  <a:gd name="connsiteX0" fmla="*/ 0 w 63327"/>
                  <a:gd name="connsiteY0" fmla="*/ 4953 h 54578"/>
                  <a:gd name="connsiteX1" fmla="*/ 0 w 63327"/>
                  <a:gd name="connsiteY1" fmla="*/ 4953 h 54578"/>
                  <a:gd name="connsiteX2" fmla="*/ 57465 w 63327"/>
                  <a:gd name="connsiteY2" fmla="*/ 53721 h 54578"/>
                  <a:gd name="connsiteX3" fmla="*/ 59748 w 63327"/>
                  <a:gd name="connsiteY3" fmla="*/ 54578 h 54578"/>
                  <a:gd name="connsiteX4" fmla="*/ 62508 w 63327"/>
                  <a:gd name="connsiteY4" fmla="*/ 53340 h 54578"/>
                  <a:gd name="connsiteX5" fmla="*/ 62127 w 63327"/>
                  <a:gd name="connsiteY5" fmla="*/ 48292 h 54578"/>
                  <a:gd name="connsiteX6" fmla="*/ 5233 w 63327"/>
                  <a:gd name="connsiteY6" fmla="*/ 0 h 54578"/>
                  <a:gd name="connsiteX7" fmla="*/ 0 w 63327"/>
                  <a:gd name="connsiteY7" fmla="*/ 4953 h 545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327" h="54578">
                    <a:moveTo>
                      <a:pt x="0" y="4953"/>
                    </a:moveTo>
                    <a:cubicBezTo>
                      <a:pt x="0" y="4953"/>
                      <a:pt x="0" y="4953"/>
                      <a:pt x="0" y="4953"/>
                    </a:cubicBezTo>
                    <a:lnTo>
                      <a:pt x="57465" y="53721"/>
                    </a:lnTo>
                    <a:cubicBezTo>
                      <a:pt x="58131" y="54292"/>
                      <a:pt x="58987" y="54578"/>
                      <a:pt x="59748" y="54578"/>
                    </a:cubicBezTo>
                    <a:cubicBezTo>
                      <a:pt x="60795" y="54578"/>
                      <a:pt x="61746" y="54197"/>
                      <a:pt x="62508" y="53340"/>
                    </a:cubicBezTo>
                    <a:cubicBezTo>
                      <a:pt x="63745" y="51816"/>
                      <a:pt x="63554" y="49625"/>
                      <a:pt x="62127" y="48292"/>
                    </a:cubicBezTo>
                    <a:lnTo>
                      <a:pt x="5233" y="0"/>
                    </a:lnTo>
                    <a:cubicBezTo>
                      <a:pt x="3425" y="1619"/>
                      <a:pt x="1713" y="3238"/>
                      <a:pt x="0" y="4953"/>
                    </a:cubicBezTo>
                    <a:close/>
                  </a:path>
                </a:pathLst>
              </a:custGeom>
              <a:solidFill>
                <a:srgbClr val="B3B3B3"/>
              </a:solidFill>
              <a:ln w="9492" cap="flat">
                <a:noFill/>
                <a:prstDash val="solid"/>
                <a:miter/>
              </a:ln>
            </p:spPr>
            <p:txBody>
              <a:bodyPr rtlCol="0" anchor="ctr"/>
              <a:lstStyle/>
              <a:p>
                <a:endParaRPr lang="en-US"/>
              </a:p>
            </p:txBody>
          </p:sp>
        </p:grpSp>
        <p:sp>
          <p:nvSpPr>
            <p:cNvPr id="25" name="Freeform 24">
              <a:extLst>
                <a:ext uri="{FF2B5EF4-FFF2-40B4-BE49-F238E27FC236}">
                  <a16:creationId xmlns:a16="http://schemas.microsoft.com/office/drawing/2014/main" id="{E3A48771-B353-32F0-D49E-653B55DCECD0}"/>
                </a:ext>
              </a:extLst>
            </p:cNvPr>
            <p:cNvSpPr/>
            <p:nvPr/>
          </p:nvSpPr>
          <p:spPr>
            <a:xfrm>
              <a:off x="4600000" y="4598630"/>
              <a:ext cx="189901" cy="219551"/>
            </a:xfrm>
            <a:custGeom>
              <a:avLst/>
              <a:gdLst>
                <a:gd name="connsiteX0" fmla="*/ 189901 w 189901"/>
                <a:gd name="connsiteY0" fmla="*/ 219551 h 219551"/>
                <a:gd name="connsiteX1" fmla="*/ 34251 w 189901"/>
                <a:gd name="connsiteY1" fmla="*/ 0 h 219551"/>
                <a:gd name="connsiteX2" fmla="*/ 0 w 189901"/>
                <a:gd name="connsiteY2" fmla="*/ 31147 h 219551"/>
                <a:gd name="connsiteX3" fmla="*/ 189806 w 189901"/>
                <a:gd name="connsiteY3" fmla="*/ 219551 h 219551"/>
              </a:gdLst>
              <a:ahLst/>
              <a:cxnLst>
                <a:cxn ang="0">
                  <a:pos x="connsiteX0" y="connsiteY0"/>
                </a:cxn>
                <a:cxn ang="0">
                  <a:pos x="connsiteX1" y="connsiteY1"/>
                </a:cxn>
                <a:cxn ang="0">
                  <a:pos x="connsiteX2" y="connsiteY2"/>
                </a:cxn>
                <a:cxn ang="0">
                  <a:pos x="connsiteX3" y="connsiteY3"/>
                </a:cxn>
              </a:cxnLst>
              <a:rect l="l" t="t" r="r" b="b"/>
              <a:pathLst>
                <a:path w="189901" h="219551">
                  <a:moveTo>
                    <a:pt x="189901" y="219551"/>
                  </a:moveTo>
                  <a:cubicBezTo>
                    <a:pt x="186096" y="112967"/>
                    <a:pt x="132056" y="31528"/>
                    <a:pt x="34251" y="0"/>
                  </a:cubicBezTo>
                  <a:cubicBezTo>
                    <a:pt x="23690" y="10573"/>
                    <a:pt x="12368" y="20860"/>
                    <a:pt x="0" y="31147"/>
                  </a:cubicBezTo>
                  <a:cubicBezTo>
                    <a:pt x="20170" y="130207"/>
                    <a:pt x="84200" y="204025"/>
                    <a:pt x="189806" y="219551"/>
                  </a:cubicBezTo>
                  <a:close/>
                </a:path>
              </a:pathLst>
            </a:custGeom>
            <a:noFill/>
            <a:ln w="9492" cap="flat">
              <a:noFill/>
              <a:prstDash val="solid"/>
              <a:miter/>
            </a:ln>
          </p:spPr>
          <p:txBody>
            <a:bodyPr rtlCol="0" anchor="ctr"/>
            <a:lstStyle/>
            <a:p>
              <a:endParaRPr lang="en-US"/>
            </a:p>
          </p:txBody>
        </p:sp>
        <p:sp>
          <p:nvSpPr>
            <p:cNvPr id="26" name="Freeform 25">
              <a:extLst>
                <a:ext uri="{FF2B5EF4-FFF2-40B4-BE49-F238E27FC236}">
                  <a16:creationId xmlns:a16="http://schemas.microsoft.com/office/drawing/2014/main" id="{46926021-8A25-90F8-74D0-6B393E527F0A}"/>
                </a:ext>
              </a:extLst>
            </p:cNvPr>
            <p:cNvSpPr/>
            <p:nvPr/>
          </p:nvSpPr>
          <p:spPr>
            <a:xfrm>
              <a:off x="3981394" y="4104933"/>
              <a:ext cx="253074" cy="139691"/>
            </a:xfrm>
            <a:custGeom>
              <a:avLst/>
              <a:gdLst>
                <a:gd name="connsiteX0" fmla="*/ 0 w 253074"/>
                <a:gd name="connsiteY0" fmla="*/ 11637 h 139691"/>
                <a:gd name="connsiteX1" fmla="*/ 253075 w 253074"/>
                <a:gd name="connsiteY1" fmla="*/ 132986 h 139691"/>
                <a:gd name="connsiteX2" fmla="*/ 211213 w 253074"/>
                <a:gd name="connsiteY2" fmla="*/ 55357 h 139691"/>
                <a:gd name="connsiteX3" fmla="*/ 0 w 253074"/>
                <a:gd name="connsiteY3" fmla="*/ 11637 h 139691"/>
              </a:gdLst>
              <a:ahLst/>
              <a:cxnLst>
                <a:cxn ang="0">
                  <a:pos x="connsiteX0" y="connsiteY0"/>
                </a:cxn>
                <a:cxn ang="0">
                  <a:pos x="connsiteX1" y="connsiteY1"/>
                </a:cxn>
                <a:cxn ang="0">
                  <a:pos x="connsiteX2" y="connsiteY2"/>
                </a:cxn>
                <a:cxn ang="0">
                  <a:pos x="connsiteX3" y="connsiteY3"/>
                </a:cxn>
              </a:cxnLst>
              <a:rect l="l" t="t" r="r" b="b"/>
              <a:pathLst>
                <a:path w="253074" h="139691">
                  <a:moveTo>
                    <a:pt x="0" y="11637"/>
                  </a:moveTo>
                  <a:cubicBezTo>
                    <a:pt x="52898" y="110126"/>
                    <a:pt x="144043" y="158418"/>
                    <a:pt x="253075" y="132986"/>
                  </a:cubicBezTo>
                  <a:cubicBezTo>
                    <a:pt x="237852" y="106697"/>
                    <a:pt x="223581" y="81170"/>
                    <a:pt x="211213" y="55357"/>
                  </a:cubicBezTo>
                  <a:cubicBezTo>
                    <a:pt x="154033" y="5160"/>
                    <a:pt x="80775" y="-14652"/>
                    <a:pt x="0" y="11637"/>
                  </a:cubicBezTo>
                  <a:close/>
                </a:path>
              </a:pathLst>
            </a:custGeom>
            <a:noFill/>
            <a:ln w="9492" cap="flat">
              <a:noFill/>
              <a:prstDash val="solid"/>
              <a:miter/>
            </a:ln>
          </p:spPr>
          <p:txBody>
            <a:bodyPr rtlCol="0" anchor="ctr"/>
            <a:lstStyle/>
            <a:p>
              <a:endParaRPr lang="en-US"/>
            </a:p>
          </p:txBody>
        </p:sp>
        <p:grpSp>
          <p:nvGrpSpPr>
            <p:cNvPr id="27" name="Graphic 12">
              <a:extLst>
                <a:ext uri="{FF2B5EF4-FFF2-40B4-BE49-F238E27FC236}">
                  <a16:creationId xmlns:a16="http://schemas.microsoft.com/office/drawing/2014/main" id="{6B9081F4-A194-787C-FDD1-4FEBD53134F4}"/>
                </a:ext>
              </a:extLst>
            </p:cNvPr>
            <p:cNvGrpSpPr/>
            <p:nvPr/>
          </p:nvGrpSpPr>
          <p:grpSpPr>
            <a:xfrm>
              <a:off x="3947429" y="3850482"/>
              <a:ext cx="405966" cy="402621"/>
              <a:chOff x="3947429" y="3850482"/>
              <a:chExt cx="405966" cy="402621"/>
            </a:xfrm>
            <a:solidFill>
              <a:srgbClr val="A42036"/>
            </a:solidFill>
          </p:grpSpPr>
          <p:sp>
            <p:nvSpPr>
              <p:cNvPr id="45" name="Freeform 44">
                <a:extLst>
                  <a:ext uri="{FF2B5EF4-FFF2-40B4-BE49-F238E27FC236}">
                    <a16:creationId xmlns:a16="http://schemas.microsoft.com/office/drawing/2014/main" id="{4C1A9629-59DB-B27B-3F85-D0AF718F65DD}"/>
                  </a:ext>
                </a:extLst>
              </p:cNvPr>
              <p:cNvSpPr/>
              <p:nvPr/>
            </p:nvSpPr>
            <p:spPr>
              <a:xfrm>
                <a:off x="4233145" y="3850482"/>
                <a:ext cx="120250" cy="153312"/>
              </a:xfrm>
              <a:custGeom>
                <a:avLst/>
                <a:gdLst>
                  <a:gd name="connsiteX0" fmla="*/ 108453 w 120250"/>
                  <a:gd name="connsiteY0" fmla="*/ 1865 h 153312"/>
                  <a:gd name="connsiteX1" fmla="*/ 106645 w 120250"/>
                  <a:gd name="connsiteY1" fmla="*/ 8247 h 153312"/>
                  <a:gd name="connsiteX2" fmla="*/ 92374 w 120250"/>
                  <a:gd name="connsiteY2" fmla="*/ 436 h 153312"/>
                  <a:gd name="connsiteX3" fmla="*/ 87522 w 120250"/>
                  <a:gd name="connsiteY3" fmla="*/ 1865 h 153312"/>
                  <a:gd name="connsiteX4" fmla="*/ 88949 w 120250"/>
                  <a:gd name="connsiteY4" fmla="*/ 6723 h 153312"/>
                  <a:gd name="connsiteX5" fmla="*/ 104457 w 120250"/>
                  <a:gd name="connsiteY5" fmla="*/ 15200 h 153312"/>
                  <a:gd name="connsiteX6" fmla="*/ 93991 w 120250"/>
                  <a:gd name="connsiteY6" fmla="*/ 42822 h 153312"/>
                  <a:gd name="connsiteX7" fmla="*/ 76581 w 120250"/>
                  <a:gd name="connsiteY7" fmla="*/ 33488 h 153312"/>
                  <a:gd name="connsiteX8" fmla="*/ 71728 w 120250"/>
                  <a:gd name="connsiteY8" fmla="*/ 34917 h 153312"/>
                  <a:gd name="connsiteX9" fmla="*/ 73155 w 120250"/>
                  <a:gd name="connsiteY9" fmla="*/ 39774 h 153312"/>
                  <a:gd name="connsiteX10" fmla="*/ 90947 w 120250"/>
                  <a:gd name="connsiteY10" fmla="*/ 49299 h 153312"/>
                  <a:gd name="connsiteX11" fmla="*/ 77151 w 120250"/>
                  <a:gd name="connsiteY11" fmla="*/ 75779 h 153312"/>
                  <a:gd name="connsiteX12" fmla="*/ 56601 w 120250"/>
                  <a:gd name="connsiteY12" fmla="*/ 65016 h 153312"/>
                  <a:gd name="connsiteX13" fmla="*/ 51749 w 120250"/>
                  <a:gd name="connsiteY13" fmla="*/ 66540 h 153312"/>
                  <a:gd name="connsiteX14" fmla="*/ 53271 w 120250"/>
                  <a:gd name="connsiteY14" fmla="*/ 71397 h 153312"/>
                  <a:gd name="connsiteX15" fmla="*/ 73441 w 120250"/>
                  <a:gd name="connsiteY15" fmla="*/ 81970 h 153312"/>
                  <a:gd name="connsiteX16" fmla="*/ 56220 w 120250"/>
                  <a:gd name="connsiteY16" fmla="*/ 107211 h 153312"/>
                  <a:gd name="connsiteX17" fmla="*/ 32340 w 120250"/>
                  <a:gd name="connsiteY17" fmla="*/ 94829 h 153312"/>
                  <a:gd name="connsiteX18" fmla="*/ 27488 w 120250"/>
                  <a:gd name="connsiteY18" fmla="*/ 96353 h 153312"/>
                  <a:gd name="connsiteX19" fmla="*/ 29010 w 120250"/>
                  <a:gd name="connsiteY19" fmla="*/ 101211 h 153312"/>
                  <a:gd name="connsiteX20" fmla="*/ 51749 w 120250"/>
                  <a:gd name="connsiteY20" fmla="*/ 113022 h 153312"/>
                  <a:gd name="connsiteX21" fmla="*/ 30152 w 120250"/>
                  <a:gd name="connsiteY21" fmla="*/ 136167 h 153312"/>
                  <a:gd name="connsiteX22" fmla="*/ 5130 w 120250"/>
                  <a:gd name="connsiteY22" fmla="*/ 123309 h 153312"/>
                  <a:gd name="connsiteX23" fmla="*/ 373 w 120250"/>
                  <a:gd name="connsiteY23" fmla="*/ 124833 h 153312"/>
                  <a:gd name="connsiteX24" fmla="*/ 1895 w 120250"/>
                  <a:gd name="connsiteY24" fmla="*/ 129595 h 153312"/>
                  <a:gd name="connsiteX25" fmla="*/ 24253 w 120250"/>
                  <a:gd name="connsiteY25" fmla="*/ 141120 h 153312"/>
                  <a:gd name="connsiteX26" fmla="*/ 13597 w 120250"/>
                  <a:gd name="connsiteY26" fmla="*/ 149026 h 153312"/>
                  <a:gd name="connsiteX27" fmla="*/ 18925 w 120250"/>
                  <a:gd name="connsiteY27" fmla="*/ 153312 h 153312"/>
                  <a:gd name="connsiteX28" fmla="*/ 120250 w 120250"/>
                  <a:gd name="connsiteY28" fmla="*/ 11390 h 153312"/>
                  <a:gd name="connsiteX29" fmla="*/ 108167 w 120250"/>
                  <a:gd name="connsiteY29" fmla="*/ 1865 h 1533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20250" h="153312">
                    <a:moveTo>
                      <a:pt x="108453" y="1865"/>
                    </a:moveTo>
                    <a:cubicBezTo>
                      <a:pt x="107977" y="3960"/>
                      <a:pt x="107311" y="6056"/>
                      <a:pt x="106645" y="8247"/>
                    </a:cubicBezTo>
                    <a:lnTo>
                      <a:pt x="92374" y="436"/>
                    </a:lnTo>
                    <a:cubicBezTo>
                      <a:pt x="90661" y="-516"/>
                      <a:pt x="88473" y="150"/>
                      <a:pt x="87522" y="1865"/>
                    </a:cubicBezTo>
                    <a:cubicBezTo>
                      <a:pt x="86570" y="3579"/>
                      <a:pt x="87236" y="5770"/>
                      <a:pt x="88949" y="6723"/>
                    </a:cubicBezTo>
                    <a:lnTo>
                      <a:pt x="104457" y="15200"/>
                    </a:lnTo>
                    <a:cubicBezTo>
                      <a:pt x="101602" y="24153"/>
                      <a:pt x="98082" y="33393"/>
                      <a:pt x="93991" y="42822"/>
                    </a:cubicBezTo>
                    <a:lnTo>
                      <a:pt x="76581" y="33488"/>
                    </a:lnTo>
                    <a:cubicBezTo>
                      <a:pt x="74868" y="32535"/>
                      <a:pt x="72680" y="33202"/>
                      <a:pt x="71728" y="34917"/>
                    </a:cubicBezTo>
                    <a:cubicBezTo>
                      <a:pt x="70777" y="36631"/>
                      <a:pt x="71443" y="38822"/>
                      <a:pt x="73155" y="39774"/>
                    </a:cubicBezTo>
                    <a:lnTo>
                      <a:pt x="90947" y="49299"/>
                    </a:lnTo>
                    <a:cubicBezTo>
                      <a:pt x="86856" y="58158"/>
                      <a:pt x="82194" y="67111"/>
                      <a:pt x="77151" y="75779"/>
                    </a:cubicBezTo>
                    <a:lnTo>
                      <a:pt x="56601" y="65016"/>
                    </a:lnTo>
                    <a:cubicBezTo>
                      <a:pt x="54888" y="64063"/>
                      <a:pt x="52700" y="64825"/>
                      <a:pt x="51749" y="66540"/>
                    </a:cubicBezTo>
                    <a:cubicBezTo>
                      <a:pt x="50797" y="68254"/>
                      <a:pt x="51463" y="70445"/>
                      <a:pt x="53271" y="71397"/>
                    </a:cubicBezTo>
                    <a:lnTo>
                      <a:pt x="73441" y="81970"/>
                    </a:lnTo>
                    <a:cubicBezTo>
                      <a:pt x="68113" y="90733"/>
                      <a:pt x="62309" y="99210"/>
                      <a:pt x="56220" y="107211"/>
                    </a:cubicBezTo>
                    <a:lnTo>
                      <a:pt x="32340" y="94829"/>
                    </a:lnTo>
                    <a:cubicBezTo>
                      <a:pt x="30532" y="93876"/>
                      <a:pt x="28439" y="94638"/>
                      <a:pt x="27488" y="96353"/>
                    </a:cubicBezTo>
                    <a:cubicBezTo>
                      <a:pt x="26536" y="98067"/>
                      <a:pt x="27297" y="100258"/>
                      <a:pt x="29010" y="101211"/>
                    </a:cubicBezTo>
                    <a:lnTo>
                      <a:pt x="51749" y="113022"/>
                    </a:lnTo>
                    <a:cubicBezTo>
                      <a:pt x="44899" y="121594"/>
                      <a:pt x="37668" y="129405"/>
                      <a:pt x="30152" y="136167"/>
                    </a:cubicBezTo>
                    <a:lnTo>
                      <a:pt x="5130" y="123309"/>
                    </a:lnTo>
                    <a:cubicBezTo>
                      <a:pt x="3417" y="122356"/>
                      <a:pt x="1229" y="123118"/>
                      <a:pt x="373" y="124833"/>
                    </a:cubicBezTo>
                    <a:cubicBezTo>
                      <a:pt x="-484" y="126547"/>
                      <a:pt x="182" y="128738"/>
                      <a:pt x="1895" y="129595"/>
                    </a:cubicBezTo>
                    <a:lnTo>
                      <a:pt x="24253" y="141120"/>
                    </a:lnTo>
                    <a:cubicBezTo>
                      <a:pt x="20733" y="143978"/>
                      <a:pt x="17213" y="146645"/>
                      <a:pt x="13597" y="149026"/>
                    </a:cubicBezTo>
                    <a:lnTo>
                      <a:pt x="18925" y="153312"/>
                    </a:lnTo>
                    <a:cubicBezTo>
                      <a:pt x="65830" y="125214"/>
                      <a:pt x="104837" y="63206"/>
                      <a:pt x="120250" y="11390"/>
                    </a:cubicBezTo>
                    <a:lnTo>
                      <a:pt x="108167" y="1865"/>
                    </a:lnTo>
                    <a:close/>
                  </a:path>
                </a:pathLst>
              </a:custGeom>
              <a:solidFill>
                <a:srgbClr val="A42036"/>
              </a:solidFill>
              <a:ln w="9492" cap="flat">
                <a:noFill/>
                <a:prstDash val="solid"/>
                <a:miter/>
              </a:ln>
            </p:spPr>
            <p:txBody>
              <a:bodyPr rtlCol="0" anchor="ctr"/>
              <a:lstStyle/>
              <a:p>
                <a:endParaRPr lang="en-US"/>
              </a:p>
            </p:txBody>
          </p:sp>
          <p:sp>
            <p:nvSpPr>
              <p:cNvPr id="46" name="Freeform 45">
                <a:extLst>
                  <a:ext uri="{FF2B5EF4-FFF2-40B4-BE49-F238E27FC236}">
                    <a16:creationId xmlns:a16="http://schemas.microsoft.com/office/drawing/2014/main" id="{F5CA046B-F845-A92A-D43A-5840D24B02AF}"/>
                  </a:ext>
                </a:extLst>
              </p:cNvPr>
              <p:cNvSpPr/>
              <p:nvPr/>
            </p:nvSpPr>
            <p:spPr>
              <a:xfrm>
                <a:off x="3947429" y="4085690"/>
                <a:ext cx="289228" cy="167413"/>
              </a:xfrm>
              <a:custGeom>
                <a:avLst/>
                <a:gdLst>
                  <a:gd name="connsiteX0" fmla="*/ 33965 w 289228"/>
                  <a:gd name="connsiteY0" fmla="*/ 30880 h 167413"/>
                  <a:gd name="connsiteX1" fmla="*/ 245178 w 289228"/>
                  <a:gd name="connsiteY1" fmla="*/ 74599 h 167413"/>
                  <a:gd name="connsiteX2" fmla="*/ 235283 w 289228"/>
                  <a:gd name="connsiteY2" fmla="*/ 52597 h 167413"/>
                  <a:gd name="connsiteX3" fmla="*/ 15032 w 289228"/>
                  <a:gd name="connsiteY3" fmla="*/ 12211 h 167413"/>
                  <a:gd name="connsiteX4" fmla="*/ 0 w 289228"/>
                  <a:gd name="connsiteY4" fmla="*/ 16402 h 167413"/>
                  <a:gd name="connsiteX5" fmla="*/ 6850 w 289228"/>
                  <a:gd name="connsiteY5" fmla="*/ 29165 h 167413"/>
                  <a:gd name="connsiteX6" fmla="*/ 289228 w 289228"/>
                  <a:gd name="connsiteY6" fmla="*/ 155848 h 167413"/>
                  <a:gd name="connsiteX7" fmla="*/ 287040 w 289228"/>
                  <a:gd name="connsiteY7" fmla="*/ 152133 h 167413"/>
                  <a:gd name="connsiteX8" fmla="*/ 33965 w 289228"/>
                  <a:gd name="connsiteY8" fmla="*/ 30784 h 1674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89228" h="167413">
                    <a:moveTo>
                      <a:pt x="33965" y="30880"/>
                    </a:moveTo>
                    <a:cubicBezTo>
                      <a:pt x="114740" y="4591"/>
                      <a:pt x="187998" y="24403"/>
                      <a:pt x="245178" y="74599"/>
                    </a:cubicBezTo>
                    <a:cubicBezTo>
                      <a:pt x="241658" y="67265"/>
                      <a:pt x="238423" y="59931"/>
                      <a:pt x="235283" y="52597"/>
                    </a:cubicBezTo>
                    <a:cubicBezTo>
                      <a:pt x="174393" y="1066"/>
                      <a:pt x="92287" y="-13031"/>
                      <a:pt x="15032" y="12211"/>
                    </a:cubicBezTo>
                    <a:lnTo>
                      <a:pt x="0" y="16402"/>
                    </a:lnTo>
                    <a:cubicBezTo>
                      <a:pt x="0" y="16402"/>
                      <a:pt x="6850" y="29165"/>
                      <a:pt x="6850" y="29165"/>
                    </a:cubicBezTo>
                    <a:cubicBezTo>
                      <a:pt x="63459" y="135464"/>
                      <a:pt x="175059" y="193662"/>
                      <a:pt x="289228" y="155848"/>
                    </a:cubicBezTo>
                    <a:cubicBezTo>
                      <a:pt x="288562" y="154609"/>
                      <a:pt x="287801" y="153371"/>
                      <a:pt x="287040" y="152133"/>
                    </a:cubicBezTo>
                    <a:cubicBezTo>
                      <a:pt x="178009" y="177565"/>
                      <a:pt x="86864" y="129368"/>
                      <a:pt x="33965" y="30784"/>
                    </a:cubicBezTo>
                    <a:close/>
                  </a:path>
                </a:pathLst>
              </a:custGeom>
              <a:solidFill>
                <a:srgbClr val="A42036"/>
              </a:solidFill>
              <a:ln w="9492" cap="flat">
                <a:noFill/>
                <a:prstDash val="solid"/>
                <a:miter/>
              </a:ln>
            </p:spPr>
            <p:txBody>
              <a:bodyPr rtlCol="0" anchor="ctr"/>
              <a:lstStyle/>
              <a:p>
                <a:endParaRPr lang="en-US"/>
              </a:p>
            </p:txBody>
          </p:sp>
        </p:grpSp>
        <p:grpSp>
          <p:nvGrpSpPr>
            <p:cNvPr id="28" name="Graphic 12">
              <a:extLst>
                <a:ext uri="{FF2B5EF4-FFF2-40B4-BE49-F238E27FC236}">
                  <a16:creationId xmlns:a16="http://schemas.microsoft.com/office/drawing/2014/main" id="{7728B26C-811C-C4EA-8E9A-CAAFE7DEF01E}"/>
                </a:ext>
              </a:extLst>
            </p:cNvPr>
            <p:cNvGrpSpPr/>
            <p:nvPr/>
          </p:nvGrpSpPr>
          <p:grpSpPr>
            <a:xfrm>
              <a:off x="4570265" y="4390926"/>
              <a:ext cx="244372" cy="456116"/>
              <a:chOff x="4570265" y="4390926"/>
              <a:chExt cx="244372" cy="456116"/>
            </a:xfrm>
            <a:solidFill>
              <a:srgbClr val="EE9E4B"/>
            </a:solidFill>
          </p:grpSpPr>
          <p:sp>
            <p:nvSpPr>
              <p:cNvPr id="43" name="Freeform 42">
                <a:extLst>
                  <a:ext uri="{FF2B5EF4-FFF2-40B4-BE49-F238E27FC236}">
                    <a16:creationId xmlns:a16="http://schemas.microsoft.com/office/drawing/2014/main" id="{A7FE6EB9-40EF-78A2-8EE7-DBDDD51AC405}"/>
                  </a:ext>
                </a:extLst>
              </p:cNvPr>
              <p:cNvSpPr/>
              <p:nvPr/>
            </p:nvSpPr>
            <p:spPr>
              <a:xfrm>
                <a:off x="4570265" y="4390926"/>
                <a:ext cx="142000" cy="108453"/>
              </a:xfrm>
              <a:custGeom>
                <a:avLst/>
                <a:gdLst>
                  <a:gd name="connsiteX0" fmla="*/ 140479 w 142000"/>
                  <a:gd name="connsiteY0" fmla="*/ 12918 h 108453"/>
                  <a:gd name="connsiteX1" fmla="*/ 124780 w 142000"/>
                  <a:gd name="connsiteY1" fmla="*/ 18061 h 108453"/>
                  <a:gd name="connsiteX2" fmla="*/ 123829 w 142000"/>
                  <a:gd name="connsiteY2" fmla="*/ 16728 h 108453"/>
                  <a:gd name="connsiteX3" fmla="*/ 105181 w 142000"/>
                  <a:gd name="connsiteY3" fmla="*/ 821 h 108453"/>
                  <a:gd name="connsiteX4" fmla="*/ 100139 w 142000"/>
                  <a:gd name="connsiteY4" fmla="*/ 1202 h 108453"/>
                  <a:gd name="connsiteX5" fmla="*/ 100519 w 142000"/>
                  <a:gd name="connsiteY5" fmla="*/ 6250 h 108453"/>
                  <a:gd name="connsiteX6" fmla="*/ 117835 w 142000"/>
                  <a:gd name="connsiteY6" fmla="*/ 21014 h 108453"/>
                  <a:gd name="connsiteX7" fmla="*/ 89293 w 142000"/>
                  <a:gd name="connsiteY7" fmla="*/ 36921 h 108453"/>
                  <a:gd name="connsiteX8" fmla="*/ 62749 w 142000"/>
                  <a:gd name="connsiteY8" fmla="*/ 14347 h 108453"/>
                  <a:gd name="connsiteX9" fmla="*/ 57706 w 142000"/>
                  <a:gd name="connsiteY9" fmla="*/ 14728 h 108453"/>
                  <a:gd name="connsiteX10" fmla="*/ 58087 w 142000"/>
                  <a:gd name="connsiteY10" fmla="*/ 19776 h 108453"/>
                  <a:gd name="connsiteX11" fmla="*/ 83109 w 142000"/>
                  <a:gd name="connsiteY11" fmla="*/ 41112 h 108453"/>
                  <a:gd name="connsiteX12" fmla="*/ 59894 w 142000"/>
                  <a:gd name="connsiteY12" fmla="*/ 60352 h 108453"/>
                  <a:gd name="connsiteX13" fmla="*/ 32399 w 142000"/>
                  <a:gd name="connsiteY13" fmla="*/ 37207 h 108453"/>
                  <a:gd name="connsiteX14" fmla="*/ 27356 w 142000"/>
                  <a:gd name="connsiteY14" fmla="*/ 37683 h 108453"/>
                  <a:gd name="connsiteX15" fmla="*/ 27832 w 142000"/>
                  <a:gd name="connsiteY15" fmla="*/ 42731 h 108453"/>
                  <a:gd name="connsiteX16" fmla="*/ 54757 w 142000"/>
                  <a:gd name="connsiteY16" fmla="*/ 65401 h 108453"/>
                  <a:gd name="connsiteX17" fmla="*/ 35063 w 142000"/>
                  <a:gd name="connsiteY17" fmla="*/ 88070 h 108453"/>
                  <a:gd name="connsiteX18" fmla="*/ 5854 w 142000"/>
                  <a:gd name="connsiteY18" fmla="*/ 63591 h 108453"/>
                  <a:gd name="connsiteX19" fmla="*/ 812 w 142000"/>
                  <a:gd name="connsiteY19" fmla="*/ 64067 h 108453"/>
                  <a:gd name="connsiteX20" fmla="*/ 1288 w 142000"/>
                  <a:gd name="connsiteY20" fmla="*/ 69115 h 108453"/>
                  <a:gd name="connsiteX21" fmla="*/ 30876 w 142000"/>
                  <a:gd name="connsiteY21" fmla="*/ 93880 h 108453"/>
                  <a:gd name="connsiteX22" fmla="*/ 27451 w 142000"/>
                  <a:gd name="connsiteY22" fmla="*/ 99024 h 108453"/>
                  <a:gd name="connsiteX23" fmla="*/ 40771 w 142000"/>
                  <a:gd name="connsiteY23" fmla="*/ 108454 h 108453"/>
                  <a:gd name="connsiteX24" fmla="*/ 142001 w 142000"/>
                  <a:gd name="connsiteY24" fmla="*/ 18442 h 108453"/>
                  <a:gd name="connsiteX25" fmla="*/ 140384 w 142000"/>
                  <a:gd name="connsiteY25" fmla="*/ 13013 h 1084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42000" h="108453">
                    <a:moveTo>
                      <a:pt x="140479" y="12918"/>
                    </a:moveTo>
                    <a:cubicBezTo>
                      <a:pt x="135246" y="14251"/>
                      <a:pt x="130013" y="16061"/>
                      <a:pt x="124780" y="18061"/>
                    </a:cubicBezTo>
                    <a:cubicBezTo>
                      <a:pt x="124590" y="17585"/>
                      <a:pt x="124305" y="17109"/>
                      <a:pt x="123829" y="16728"/>
                    </a:cubicBezTo>
                    <a:lnTo>
                      <a:pt x="105181" y="821"/>
                    </a:lnTo>
                    <a:cubicBezTo>
                      <a:pt x="103659" y="-417"/>
                      <a:pt x="101471" y="-227"/>
                      <a:pt x="100139" y="1202"/>
                    </a:cubicBezTo>
                    <a:cubicBezTo>
                      <a:pt x="98902" y="2726"/>
                      <a:pt x="98997" y="4917"/>
                      <a:pt x="100519" y="6250"/>
                    </a:cubicBezTo>
                    <a:lnTo>
                      <a:pt x="117835" y="21014"/>
                    </a:lnTo>
                    <a:cubicBezTo>
                      <a:pt x="108036" y="25396"/>
                      <a:pt x="98521" y="30730"/>
                      <a:pt x="89293" y="36921"/>
                    </a:cubicBezTo>
                    <a:lnTo>
                      <a:pt x="62749" y="14347"/>
                    </a:lnTo>
                    <a:cubicBezTo>
                      <a:pt x="61226" y="13108"/>
                      <a:pt x="59038" y="13299"/>
                      <a:pt x="57706" y="14728"/>
                    </a:cubicBezTo>
                    <a:cubicBezTo>
                      <a:pt x="56469" y="16252"/>
                      <a:pt x="56564" y="18442"/>
                      <a:pt x="58087" y="19776"/>
                    </a:cubicBezTo>
                    <a:lnTo>
                      <a:pt x="83109" y="41112"/>
                    </a:lnTo>
                    <a:cubicBezTo>
                      <a:pt x="74927" y="47017"/>
                      <a:pt x="67125" y="53494"/>
                      <a:pt x="59894" y="60352"/>
                    </a:cubicBezTo>
                    <a:lnTo>
                      <a:pt x="32399" y="37207"/>
                    </a:lnTo>
                    <a:cubicBezTo>
                      <a:pt x="30876" y="35968"/>
                      <a:pt x="28688" y="36159"/>
                      <a:pt x="27356" y="37683"/>
                    </a:cubicBezTo>
                    <a:cubicBezTo>
                      <a:pt x="26119" y="39207"/>
                      <a:pt x="26310" y="41493"/>
                      <a:pt x="27832" y="42731"/>
                    </a:cubicBezTo>
                    <a:lnTo>
                      <a:pt x="54757" y="65401"/>
                    </a:lnTo>
                    <a:cubicBezTo>
                      <a:pt x="47526" y="72640"/>
                      <a:pt x="40961" y="80260"/>
                      <a:pt x="35063" y="88070"/>
                    </a:cubicBezTo>
                    <a:lnTo>
                      <a:pt x="5854" y="63591"/>
                    </a:lnTo>
                    <a:cubicBezTo>
                      <a:pt x="4332" y="62353"/>
                      <a:pt x="2144" y="62543"/>
                      <a:pt x="812" y="64067"/>
                    </a:cubicBezTo>
                    <a:cubicBezTo>
                      <a:pt x="-425" y="65591"/>
                      <a:pt x="-235" y="67877"/>
                      <a:pt x="1288" y="69115"/>
                    </a:cubicBezTo>
                    <a:lnTo>
                      <a:pt x="30876" y="93880"/>
                    </a:lnTo>
                    <a:cubicBezTo>
                      <a:pt x="29735" y="95595"/>
                      <a:pt x="28498" y="97309"/>
                      <a:pt x="27451" y="99024"/>
                    </a:cubicBezTo>
                    <a:lnTo>
                      <a:pt x="40771" y="108454"/>
                    </a:lnTo>
                    <a:cubicBezTo>
                      <a:pt x="62558" y="71306"/>
                      <a:pt x="100519" y="31301"/>
                      <a:pt x="142001" y="18442"/>
                    </a:cubicBezTo>
                    <a:lnTo>
                      <a:pt x="140384" y="13013"/>
                    </a:lnTo>
                    <a:close/>
                  </a:path>
                </a:pathLst>
              </a:custGeom>
              <a:solidFill>
                <a:srgbClr val="EE9E4B"/>
              </a:solidFill>
              <a:ln w="9492" cap="flat">
                <a:noFill/>
                <a:prstDash val="solid"/>
                <a:miter/>
              </a:ln>
            </p:spPr>
            <p:txBody>
              <a:bodyPr rtlCol="0" anchor="ctr"/>
              <a:lstStyle/>
              <a:p>
                <a:endParaRPr lang="en-US"/>
              </a:p>
            </p:txBody>
          </p:sp>
          <p:sp>
            <p:nvSpPr>
              <p:cNvPr id="44" name="Freeform 43">
                <a:extLst>
                  <a:ext uri="{FF2B5EF4-FFF2-40B4-BE49-F238E27FC236}">
                    <a16:creationId xmlns:a16="http://schemas.microsoft.com/office/drawing/2014/main" id="{CA065D67-96EE-D366-23E6-A9BCBEB00F6E}"/>
                  </a:ext>
                </a:extLst>
              </p:cNvPr>
              <p:cNvSpPr/>
              <p:nvPr/>
            </p:nvSpPr>
            <p:spPr>
              <a:xfrm>
                <a:off x="4594767" y="4593582"/>
                <a:ext cx="219870" cy="253460"/>
              </a:xfrm>
              <a:custGeom>
                <a:avLst/>
                <a:gdLst>
                  <a:gd name="connsiteX0" fmla="*/ 195134 w 219870"/>
                  <a:gd name="connsiteY0" fmla="*/ 224600 h 253460"/>
                  <a:gd name="connsiteX1" fmla="*/ 5328 w 219870"/>
                  <a:gd name="connsiteY1" fmla="*/ 36195 h 253460"/>
                  <a:gd name="connsiteX2" fmla="*/ 0 w 219870"/>
                  <a:gd name="connsiteY2" fmla="*/ 40576 h 253460"/>
                  <a:gd name="connsiteX3" fmla="*/ 9419 w 219870"/>
                  <a:gd name="connsiteY3" fmla="*/ 82105 h 253460"/>
                  <a:gd name="connsiteX4" fmla="*/ 203031 w 219870"/>
                  <a:gd name="connsiteY4" fmla="*/ 250793 h 253460"/>
                  <a:gd name="connsiteX5" fmla="*/ 219871 w 219870"/>
                  <a:gd name="connsiteY5" fmla="*/ 253460 h 253460"/>
                  <a:gd name="connsiteX6" fmla="*/ 219395 w 219870"/>
                  <a:gd name="connsiteY6" fmla="*/ 238601 h 253460"/>
                  <a:gd name="connsiteX7" fmla="*/ 44621 w 219870"/>
                  <a:gd name="connsiteY7" fmla="*/ 0 h 253460"/>
                  <a:gd name="connsiteX8" fmla="*/ 39579 w 219870"/>
                  <a:gd name="connsiteY8" fmla="*/ 5048 h 253460"/>
                  <a:gd name="connsiteX9" fmla="*/ 195229 w 219870"/>
                  <a:gd name="connsiteY9" fmla="*/ 224600 h 2534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19870" h="253460">
                    <a:moveTo>
                      <a:pt x="195134" y="224600"/>
                    </a:moveTo>
                    <a:cubicBezTo>
                      <a:pt x="89433" y="209074"/>
                      <a:pt x="25498" y="135255"/>
                      <a:pt x="5328" y="36195"/>
                    </a:cubicBezTo>
                    <a:cubicBezTo>
                      <a:pt x="3615" y="37624"/>
                      <a:pt x="1808" y="39052"/>
                      <a:pt x="0" y="40576"/>
                    </a:cubicBezTo>
                    <a:cubicBezTo>
                      <a:pt x="2283" y="54674"/>
                      <a:pt x="5613" y="68675"/>
                      <a:pt x="9419" y="82105"/>
                    </a:cubicBezTo>
                    <a:cubicBezTo>
                      <a:pt x="34727" y="174308"/>
                      <a:pt x="109602" y="237363"/>
                      <a:pt x="203031" y="250793"/>
                    </a:cubicBezTo>
                    <a:lnTo>
                      <a:pt x="219871" y="253460"/>
                    </a:lnTo>
                    <a:cubicBezTo>
                      <a:pt x="219871" y="253460"/>
                      <a:pt x="219395" y="238601"/>
                      <a:pt x="219395" y="238601"/>
                    </a:cubicBezTo>
                    <a:cubicBezTo>
                      <a:pt x="215875" y="124873"/>
                      <a:pt x="150608" y="27527"/>
                      <a:pt x="44621" y="0"/>
                    </a:cubicBezTo>
                    <a:cubicBezTo>
                      <a:pt x="43004" y="1714"/>
                      <a:pt x="41291" y="3334"/>
                      <a:pt x="39579" y="5048"/>
                    </a:cubicBezTo>
                    <a:cubicBezTo>
                      <a:pt x="137383" y="36576"/>
                      <a:pt x="191424" y="118015"/>
                      <a:pt x="195229" y="224600"/>
                    </a:cubicBezTo>
                    <a:close/>
                  </a:path>
                </a:pathLst>
              </a:custGeom>
              <a:solidFill>
                <a:srgbClr val="EE9E4B"/>
              </a:solidFill>
              <a:ln w="9492" cap="flat">
                <a:noFill/>
                <a:prstDash val="solid"/>
                <a:miter/>
              </a:ln>
            </p:spPr>
            <p:txBody>
              <a:bodyPr rtlCol="0" anchor="ctr"/>
              <a:lstStyle/>
              <a:p>
                <a:endParaRPr lang="en-US"/>
              </a:p>
            </p:txBody>
          </p:sp>
        </p:grpSp>
        <p:sp>
          <p:nvSpPr>
            <p:cNvPr id="29" name="Freeform 28">
              <a:extLst>
                <a:ext uri="{FF2B5EF4-FFF2-40B4-BE49-F238E27FC236}">
                  <a16:creationId xmlns:a16="http://schemas.microsoft.com/office/drawing/2014/main" id="{D7B57938-1141-70DF-C4F4-E7485C653C79}"/>
                </a:ext>
              </a:extLst>
            </p:cNvPr>
            <p:cNvSpPr/>
            <p:nvPr/>
          </p:nvSpPr>
          <p:spPr>
            <a:xfrm>
              <a:off x="3926948" y="3537164"/>
              <a:ext cx="124517" cy="311848"/>
            </a:xfrm>
            <a:custGeom>
              <a:avLst/>
              <a:gdLst>
                <a:gd name="connsiteX0" fmla="*/ 74711 w 124517"/>
                <a:gd name="connsiteY0" fmla="*/ 0 h 311848"/>
                <a:gd name="connsiteX1" fmla="*/ 43600 w 124517"/>
                <a:gd name="connsiteY1" fmla="*/ 311849 h 311848"/>
                <a:gd name="connsiteX2" fmla="*/ 89553 w 124517"/>
                <a:gd name="connsiteY2" fmla="*/ 268415 h 311848"/>
                <a:gd name="connsiteX3" fmla="*/ 74616 w 124517"/>
                <a:gd name="connsiteY3" fmla="*/ 0 h 311848"/>
              </a:gdLst>
              <a:ahLst/>
              <a:cxnLst>
                <a:cxn ang="0">
                  <a:pos x="connsiteX0" y="connsiteY0"/>
                </a:cxn>
                <a:cxn ang="0">
                  <a:pos x="connsiteX1" y="connsiteY1"/>
                </a:cxn>
                <a:cxn ang="0">
                  <a:pos x="connsiteX2" y="connsiteY2"/>
                </a:cxn>
                <a:cxn ang="0">
                  <a:pos x="connsiteX3" y="connsiteY3"/>
                </a:cxn>
              </a:cxnLst>
              <a:rect l="l" t="t" r="r" b="b"/>
              <a:pathLst>
                <a:path w="124517" h="311848">
                  <a:moveTo>
                    <a:pt x="74711" y="0"/>
                  </a:moveTo>
                  <a:cubicBezTo>
                    <a:pt x="-9774" y="91916"/>
                    <a:pt x="-26043" y="206312"/>
                    <a:pt x="43600" y="311849"/>
                  </a:cubicBezTo>
                  <a:cubicBezTo>
                    <a:pt x="57015" y="297561"/>
                    <a:pt x="72142" y="283178"/>
                    <a:pt x="89553" y="268415"/>
                  </a:cubicBezTo>
                  <a:cubicBezTo>
                    <a:pt x="137790" y="182023"/>
                    <a:pt x="139122" y="85249"/>
                    <a:pt x="74616" y="0"/>
                  </a:cubicBezTo>
                  <a:close/>
                </a:path>
              </a:pathLst>
            </a:custGeom>
            <a:noFill/>
            <a:ln w="9492" cap="flat">
              <a:noFill/>
              <a:prstDash val="solid"/>
              <a:miter/>
            </a:ln>
          </p:spPr>
          <p:txBody>
            <a:bodyPr rtlCol="0" anchor="ctr"/>
            <a:lstStyle/>
            <a:p>
              <a:endParaRPr lang="en-US"/>
            </a:p>
          </p:txBody>
        </p:sp>
        <p:sp>
          <p:nvSpPr>
            <p:cNvPr id="30" name="Freeform 29">
              <a:extLst>
                <a:ext uri="{FF2B5EF4-FFF2-40B4-BE49-F238E27FC236}">
                  <a16:creationId xmlns:a16="http://schemas.microsoft.com/office/drawing/2014/main" id="{5165D522-E373-9682-7511-5DE775A8ACFC}"/>
                </a:ext>
              </a:extLst>
            </p:cNvPr>
            <p:cNvSpPr/>
            <p:nvPr/>
          </p:nvSpPr>
          <p:spPr>
            <a:xfrm>
              <a:off x="3324922" y="3913497"/>
              <a:ext cx="224342" cy="239268"/>
            </a:xfrm>
            <a:custGeom>
              <a:avLst/>
              <a:gdLst>
                <a:gd name="connsiteX0" fmla="*/ 224342 w 224342"/>
                <a:gd name="connsiteY0" fmla="*/ 0 h 239268"/>
                <a:gd name="connsiteX1" fmla="*/ 0 w 224342"/>
                <a:gd name="connsiteY1" fmla="*/ 229171 h 239268"/>
                <a:gd name="connsiteX2" fmla="*/ 36344 w 224342"/>
                <a:gd name="connsiteY2" fmla="*/ 239268 h 239268"/>
                <a:gd name="connsiteX3" fmla="*/ 224342 w 224342"/>
                <a:gd name="connsiteY3" fmla="*/ 0 h 239268"/>
              </a:gdLst>
              <a:ahLst/>
              <a:cxnLst>
                <a:cxn ang="0">
                  <a:pos x="connsiteX0" y="connsiteY0"/>
                </a:cxn>
                <a:cxn ang="0">
                  <a:pos x="connsiteX1" y="connsiteY1"/>
                </a:cxn>
                <a:cxn ang="0">
                  <a:pos x="connsiteX2" y="connsiteY2"/>
                </a:cxn>
                <a:cxn ang="0">
                  <a:pos x="connsiteX3" y="connsiteY3"/>
                </a:cxn>
              </a:cxnLst>
              <a:rect l="l" t="t" r="r" b="b"/>
              <a:pathLst>
                <a:path w="224342" h="239268">
                  <a:moveTo>
                    <a:pt x="224342" y="0"/>
                  </a:moveTo>
                  <a:cubicBezTo>
                    <a:pt x="98376" y="20669"/>
                    <a:pt x="12654" y="101536"/>
                    <a:pt x="0" y="229171"/>
                  </a:cubicBezTo>
                  <a:cubicBezTo>
                    <a:pt x="12083" y="232315"/>
                    <a:pt x="24261" y="235648"/>
                    <a:pt x="36344" y="239268"/>
                  </a:cubicBezTo>
                  <a:cubicBezTo>
                    <a:pt x="146517" y="203930"/>
                    <a:pt x="222249" y="121729"/>
                    <a:pt x="224342" y="0"/>
                  </a:cubicBezTo>
                  <a:close/>
                </a:path>
              </a:pathLst>
            </a:custGeom>
            <a:noFill/>
            <a:ln w="9492" cap="flat">
              <a:noFill/>
              <a:prstDash val="solid"/>
              <a:miter/>
            </a:ln>
          </p:spPr>
          <p:txBody>
            <a:bodyPr rtlCol="0" anchor="ctr"/>
            <a:lstStyle/>
            <a:p>
              <a:endParaRPr lang="en-US"/>
            </a:p>
          </p:txBody>
        </p:sp>
        <p:grpSp>
          <p:nvGrpSpPr>
            <p:cNvPr id="31" name="Graphic 12">
              <a:extLst>
                <a:ext uri="{FF2B5EF4-FFF2-40B4-BE49-F238E27FC236}">
                  <a16:creationId xmlns:a16="http://schemas.microsoft.com/office/drawing/2014/main" id="{9B2B812A-015F-E189-9898-B419F9B034D9}"/>
                </a:ext>
              </a:extLst>
            </p:cNvPr>
            <p:cNvGrpSpPr/>
            <p:nvPr/>
          </p:nvGrpSpPr>
          <p:grpSpPr>
            <a:xfrm>
              <a:off x="3045035" y="3882160"/>
              <a:ext cx="532486" cy="274129"/>
              <a:chOff x="3045035" y="3882160"/>
              <a:chExt cx="532486" cy="274129"/>
            </a:xfrm>
            <a:solidFill>
              <a:srgbClr val="498DC1"/>
            </a:solidFill>
          </p:grpSpPr>
          <p:sp>
            <p:nvSpPr>
              <p:cNvPr id="41" name="Freeform 40">
                <a:extLst>
                  <a:ext uri="{FF2B5EF4-FFF2-40B4-BE49-F238E27FC236}">
                    <a16:creationId xmlns:a16="http://schemas.microsoft.com/office/drawing/2014/main" id="{96399543-B418-2DBF-B7C6-5F185BB4B08A}"/>
                  </a:ext>
                </a:extLst>
              </p:cNvPr>
              <p:cNvSpPr/>
              <p:nvPr/>
            </p:nvSpPr>
            <p:spPr>
              <a:xfrm>
                <a:off x="3045035" y="3889780"/>
                <a:ext cx="124712" cy="102774"/>
              </a:xfrm>
              <a:custGeom>
                <a:avLst/>
                <a:gdLst>
                  <a:gd name="connsiteX0" fmla="*/ 124712 w 124712"/>
                  <a:gd name="connsiteY0" fmla="*/ 86582 h 102774"/>
                  <a:gd name="connsiteX1" fmla="*/ 42986 w 124712"/>
                  <a:gd name="connsiteY1" fmla="*/ 0 h 102774"/>
                  <a:gd name="connsiteX2" fmla="*/ 30523 w 124712"/>
                  <a:gd name="connsiteY2" fmla="*/ 7239 h 102774"/>
                  <a:gd name="connsiteX3" fmla="*/ 34899 w 124712"/>
                  <a:gd name="connsiteY3" fmla="*/ 14669 h 102774"/>
                  <a:gd name="connsiteX4" fmla="*/ 1790 w 124712"/>
                  <a:gd name="connsiteY4" fmla="*/ 33528 h 102774"/>
                  <a:gd name="connsiteX5" fmla="*/ 458 w 124712"/>
                  <a:gd name="connsiteY5" fmla="*/ 38386 h 102774"/>
                  <a:gd name="connsiteX6" fmla="*/ 3598 w 124712"/>
                  <a:gd name="connsiteY6" fmla="*/ 40196 h 102774"/>
                  <a:gd name="connsiteX7" fmla="*/ 5406 w 124712"/>
                  <a:gd name="connsiteY7" fmla="*/ 39719 h 102774"/>
                  <a:gd name="connsiteX8" fmla="*/ 38610 w 124712"/>
                  <a:gd name="connsiteY8" fmla="*/ 20765 h 102774"/>
                  <a:gd name="connsiteX9" fmla="*/ 57257 w 124712"/>
                  <a:gd name="connsiteY9" fmla="*/ 44768 h 102774"/>
                  <a:gd name="connsiteX10" fmla="*/ 18821 w 124712"/>
                  <a:gd name="connsiteY10" fmla="*/ 66294 h 102774"/>
                  <a:gd name="connsiteX11" fmla="*/ 17489 w 124712"/>
                  <a:gd name="connsiteY11" fmla="*/ 71152 h 102774"/>
                  <a:gd name="connsiteX12" fmla="*/ 20628 w 124712"/>
                  <a:gd name="connsiteY12" fmla="*/ 72962 h 102774"/>
                  <a:gd name="connsiteX13" fmla="*/ 22341 w 124712"/>
                  <a:gd name="connsiteY13" fmla="*/ 72485 h 102774"/>
                  <a:gd name="connsiteX14" fmla="*/ 62395 w 124712"/>
                  <a:gd name="connsiteY14" fmla="*/ 50006 h 102774"/>
                  <a:gd name="connsiteX15" fmla="*/ 86846 w 124712"/>
                  <a:gd name="connsiteY15" fmla="*/ 71247 h 102774"/>
                  <a:gd name="connsiteX16" fmla="*/ 42796 w 124712"/>
                  <a:gd name="connsiteY16" fmla="*/ 96107 h 102774"/>
                  <a:gd name="connsiteX17" fmla="*/ 41464 w 124712"/>
                  <a:gd name="connsiteY17" fmla="*/ 100965 h 102774"/>
                  <a:gd name="connsiteX18" fmla="*/ 44604 w 124712"/>
                  <a:gd name="connsiteY18" fmla="*/ 102775 h 102774"/>
                  <a:gd name="connsiteX19" fmla="*/ 46316 w 124712"/>
                  <a:gd name="connsiteY19" fmla="*/ 102299 h 102774"/>
                  <a:gd name="connsiteX20" fmla="*/ 93221 w 124712"/>
                  <a:gd name="connsiteY20" fmla="*/ 75819 h 102774"/>
                  <a:gd name="connsiteX21" fmla="*/ 122905 w 124712"/>
                  <a:gd name="connsiteY21" fmla="*/ 91059 h 102774"/>
                  <a:gd name="connsiteX22" fmla="*/ 124712 w 124712"/>
                  <a:gd name="connsiteY22" fmla="*/ 86487 h 102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4712" h="102774">
                    <a:moveTo>
                      <a:pt x="124712" y="86582"/>
                    </a:moveTo>
                    <a:cubicBezTo>
                      <a:pt x="89320" y="72200"/>
                      <a:pt x="59160" y="34195"/>
                      <a:pt x="42986" y="0"/>
                    </a:cubicBezTo>
                    <a:lnTo>
                      <a:pt x="30523" y="7239"/>
                    </a:lnTo>
                    <a:cubicBezTo>
                      <a:pt x="31855" y="9716"/>
                      <a:pt x="33377" y="12192"/>
                      <a:pt x="34899" y="14669"/>
                    </a:cubicBezTo>
                    <a:lnTo>
                      <a:pt x="1790" y="33528"/>
                    </a:lnTo>
                    <a:cubicBezTo>
                      <a:pt x="78" y="34481"/>
                      <a:pt x="-493" y="36671"/>
                      <a:pt x="458" y="38386"/>
                    </a:cubicBezTo>
                    <a:cubicBezTo>
                      <a:pt x="1124" y="39529"/>
                      <a:pt x="2361" y="40196"/>
                      <a:pt x="3598" y="40196"/>
                    </a:cubicBezTo>
                    <a:cubicBezTo>
                      <a:pt x="4169" y="40196"/>
                      <a:pt x="4835" y="40005"/>
                      <a:pt x="5406" y="39719"/>
                    </a:cubicBezTo>
                    <a:lnTo>
                      <a:pt x="38610" y="20765"/>
                    </a:lnTo>
                    <a:cubicBezTo>
                      <a:pt x="44033" y="29051"/>
                      <a:pt x="50312" y="37148"/>
                      <a:pt x="57257" y="44768"/>
                    </a:cubicBezTo>
                    <a:lnTo>
                      <a:pt x="18821" y="66294"/>
                    </a:lnTo>
                    <a:cubicBezTo>
                      <a:pt x="17108" y="67247"/>
                      <a:pt x="16442" y="69437"/>
                      <a:pt x="17489" y="71152"/>
                    </a:cubicBezTo>
                    <a:cubicBezTo>
                      <a:pt x="18155" y="72295"/>
                      <a:pt x="19391" y="72962"/>
                      <a:pt x="20628" y="72962"/>
                    </a:cubicBezTo>
                    <a:cubicBezTo>
                      <a:pt x="21199" y="72962"/>
                      <a:pt x="21770" y="72771"/>
                      <a:pt x="22341" y="72485"/>
                    </a:cubicBezTo>
                    <a:lnTo>
                      <a:pt x="62395" y="50006"/>
                    </a:lnTo>
                    <a:cubicBezTo>
                      <a:pt x="70006" y="57722"/>
                      <a:pt x="78188" y="64865"/>
                      <a:pt x="86846" y="71247"/>
                    </a:cubicBezTo>
                    <a:lnTo>
                      <a:pt x="42796" y="96107"/>
                    </a:lnTo>
                    <a:cubicBezTo>
                      <a:pt x="41083" y="97060"/>
                      <a:pt x="40513" y="99251"/>
                      <a:pt x="41464" y="100965"/>
                    </a:cubicBezTo>
                    <a:cubicBezTo>
                      <a:pt x="42130" y="102108"/>
                      <a:pt x="43367" y="102775"/>
                      <a:pt x="44604" y="102775"/>
                    </a:cubicBezTo>
                    <a:cubicBezTo>
                      <a:pt x="45175" y="102775"/>
                      <a:pt x="45841" y="102584"/>
                      <a:pt x="46316" y="102299"/>
                    </a:cubicBezTo>
                    <a:lnTo>
                      <a:pt x="93221" y="75819"/>
                    </a:lnTo>
                    <a:cubicBezTo>
                      <a:pt x="102830" y="82201"/>
                      <a:pt x="112820" y="87440"/>
                      <a:pt x="122905" y="91059"/>
                    </a:cubicBezTo>
                    <a:lnTo>
                      <a:pt x="124712" y="86487"/>
                    </a:lnTo>
                    <a:close/>
                  </a:path>
                </a:pathLst>
              </a:custGeom>
              <a:solidFill>
                <a:srgbClr val="498DC1"/>
              </a:solidFill>
              <a:ln w="9492" cap="flat">
                <a:noFill/>
                <a:prstDash val="solid"/>
                <a:miter/>
              </a:ln>
            </p:spPr>
            <p:txBody>
              <a:bodyPr rtlCol="0" anchor="ctr"/>
              <a:lstStyle/>
              <a:p>
                <a:endParaRPr lang="en-US"/>
              </a:p>
            </p:txBody>
          </p:sp>
          <p:sp>
            <p:nvSpPr>
              <p:cNvPr id="42" name="Freeform 41">
                <a:extLst>
                  <a:ext uri="{FF2B5EF4-FFF2-40B4-BE49-F238E27FC236}">
                    <a16:creationId xmlns:a16="http://schemas.microsoft.com/office/drawing/2014/main" id="{02F8C18B-B7B9-68E6-ACC1-EA1FB2F3BF3C}"/>
                  </a:ext>
                </a:extLst>
              </p:cNvPr>
              <p:cNvSpPr/>
              <p:nvPr/>
            </p:nvSpPr>
            <p:spPr>
              <a:xfrm>
                <a:off x="3320260" y="3882160"/>
                <a:ext cx="257260" cy="274129"/>
              </a:xfrm>
              <a:custGeom>
                <a:avLst/>
                <a:gdLst>
                  <a:gd name="connsiteX0" fmla="*/ 229004 w 257260"/>
                  <a:gd name="connsiteY0" fmla="*/ 31337 h 274129"/>
                  <a:gd name="connsiteX1" fmla="*/ 41006 w 257260"/>
                  <a:gd name="connsiteY1" fmla="*/ 270605 h 274129"/>
                  <a:gd name="connsiteX2" fmla="*/ 52232 w 257260"/>
                  <a:gd name="connsiteY2" fmla="*/ 274130 h 274129"/>
                  <a:gd name="connsiteX3" fmla="*/ 97710 w 257260"/>
                  <a:gd name="connsiteY3" fmla="*/ 257556 h 274129"/>
                  <a:gd name="connsiteX4" fmla="*/ 256880 w 257260"/>
                  <a:gd name="connsiteY4" fmla="*/ 16002 h 274129"/>
                  <a:gd name="connsiteX5" fmla="*/ 257261 w 257260"/>
                  <a:gd name="connsiteY5" fmla="*/ 0 h 274129"/>
                  <a:gd name="connsiteX6" fmla="*/ 240897 w 257260"/>
                  <a:gd name="connsiteY6" fmla="*/ 2667 h 274129"/>
                  <a:gd name="connsiteX7" fmla="*/ 0 w 257260"/>
                  <a:gd name="connsiteY7" fmla="*/ 259271 h 274129"/>
                  <a:gd name="connsiteX8" fmla="*/ 4662 w 257260"/>
                  <a:gd name="connsiteY8" fmla="*/ 260509 h 274129"/>
                  <a:gd name="connsiteX9" fmla="*/ 229004 w 257260"/>
                  <a:gd name="connsiteY9" fmla="*/ 31337 h 274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57260" h="274129">
                    <a:moveTo>
                      <a:pt x="229004" y="31337"/>
                    </a:moveTo>
                    <a:cubicBezTo>
                      <a:pt x="226911" y="153162"/>
                      <a:pt x="151179" y="235267"/>
                      <a:pt x="41006" y="270605"/>
                    </a:cubicBezTo>
                    <a:cubicBezTo>
                      <a:pt x="44716" y="271748"/>
                      <a:pt x="48522" y="272891"/>
                      <a:pt x="52232" y="274130"/>
                    </a:cubicBezTo>
                    <a:cubicBezTo>
                      <a:pt x="67835" y="269558"/>
                      <a:pt x="83058" y="263747"/>
                      <a:pt x="97710" y="257556"/>
                    </a:cubicBezTo>
                    <a:cubicBezTo>
                      <a:pt x="195990" y="216408"/>
                      <a:pt x="255263" y="121348"/>
                      <a:pt x="256880" y="16002"/>
                    </a:cubicBezTo>
                    <a:lnTo>
                      <a:pt x="257261" y="0"/>
                    </a:lnTo>
                    <a:cubicBezTo>
                      <a:pt x="257261" y="0"/>
                      <a:pt x="240897" y="2667"/>
                      <a:pt x="240897" y="2667"/>
                    </a:cubicBezTo>
                    <a:cubicBezTo>
                      <a:pt x="105892" y="24384"/>
                      <a:pt x="2188" y="122777"/>
                      <a:pt x="0" y="259271"/>
                    </a:cubicBezTo>
                    <a:cubicBezTo>
                      <a:pt x="1522" y="259652"/>
                      <a:pt x="3140" y="260128"/>
                      <a:pt x="4662" y="260509"/>
                    </a:cubicBezTo>
                    <a:cubicBezTo>
                      <a:pt x="17316" y="132874"/>
                      <a:pt x="103038" y="52006"/>
                      <a:pt x="229004" y="31337"/>
                    </a:cubicBezTo>
                    <a:close/>
                  </a:path>
                </a:pathLst>
              </a:custGeom>
              <a:solidFill>
                <a:srgbClr val="498DC1"/>
              </a:solidFill>
              <a:ln w="9492" cap="flat">
                <a:noFill/>
                <a:prstDash val="solid"/>
                <a:miter/>
              </a:ln>
            </p:spPr>
            <p:txBody>
              <a:bodyPr rtlCol="0" anchor="ctr"/>
              <a:lstStyle/>
              <a:p>
                <a:endParaRPr lang="en-US"/>
              </a:p>
            </p:txBody>
          </p:sp>
        </p:grpSp>
        <p:grpSp>
          <p:nvGrpSpPr>
            <p:cNvPr id="32" name="Graphic 12">
              <a:extLst>
                <a:ext uri="{FF2B5EF4-FFF2-40B4-BE49-F238E27FC236}">
                  <a16:creationId xmlns:a16="http://schemas.microsoft.com/office/drawing/2014/main" id="{4A321E29-FA16-922A-D131-CFB5A6A44279}"/>
                </a:ext>
              </a:extLst>
            </p:cNvPr>
            <p:cNvGrpSpPr/>
            <p:nvPr/>
          </p:nvGrpSpPr>
          <p:grpSpPr>
            <a:xfrm>
              <a:off x="3693381" y="3457059"/>
              <a:ext cx="374192" cy="394906"/>
              <a:chOff x="3693381" y="3457059"/>
              <a:chExt cx="374192" cy="394906"/>
            </a:xfrm>
            <a:solidFill>
              <a:srgbClr val="C6583F"/>
            </a:solidFill>
          </p:grpSpPr>
          <p:sp>
            <p:nvSpPr>
              <p:cNvPr id="39" name="Freeform 38">
                <a:extLst>
                  <a:ext uri="{FF2B5EF4-FFF2-40B4-BE49-F238E27FC236}">
                    <a16:creationId xmlns:a16="http://schemas.microsoft.com/office/drawing/2014/main" id="{28A7720F-D03F-12FC-01DF-3D5EF30C22A0}"/>
                  </a:ext>
                </a:extLst>
              </p:cNvPr>
              <p:cNvSpPr/>
              <p:nvPr/>
            </p:nvSpPr>
            <p:spPr>
              <a:xfrm>
                <a:off x="3693381" y="3457059"/>
                <a:ext cx="76687" cy="158210"/>
              </a:xfrm>
              <a:custGeom>
                <a:avLst/>
                <a:gdLst>
                  <a:gd name="connsiteX0" fmla="*/ 72138 w 76687"/>
                  <a:gd name="connsiteY0" fmla="*/ 95 h 158210"/>
                  <a:gd name="connsiteX1" fmla="*/ 65954 w 76687"/>
                  <a:gd name="connsiteY1" fmla="*/ 1333 h 158210"/>
                  <a:gd name="connsiteX2" fmla="*/ 68428 w 76687"/>
                  <a:gd name="connsiteY2" fmla="*/ 27718 h 158210"/>
                  <a:gd name="connsiteX3" fmla="*/ 43311 w 76687"/>
                  <a:gd name="connsiteY3" fmla="*/ 18955 h 158210"/>
                  <a:gd name="connsiteX4" fmla="*/ 38744 w 76687"/>
                  <a:gd name="connsiteY4" fmla="*/ 21145 h 158210"/>
                  <a:gd name="connsiteX5" fmla="*/ 40932 w 76687"/>
                  <a:gd name="connsiteY5" fmla="*/ 25717 h 158210"/>
                  <a:gd name="connsiteX6" fmla="*/ 68142 w 76687"/>
                  <a:gd name="connsiteY6" fmla="*/ 35243 h 158210"/>
                  <a:gd name="connsiteX7" fmla="*/ 64242 w 76687"/>
                  <a:gd name="connsiteY7" fmla="*/ 65723 h 158210"/>
                  <a:gd name="connsiteX8" fmla="*/ 25519 w 76687"/>
                  <a:gd name="connsiteY8" fmla="*/ 51911 h 158210"/>
                  <a:gd name="connsiteX9" fmla="*/ 20953 w 76687"/>
                  <a:gd name="connsiteY9" fmla="*/ 54102 h 158210"/>
                  <a:gd name="connsiteX10" fmla="*/ 23141 w 76687"/>
                  <a:gd name="connsiteY10" fmla="*/ 58674 h 158210"/>
                  <a:gd name="connsiteX11" fmla="*/ 62719 w 76687"/>
                  <a:gd name="connsiteY11" fmla="*/ 72771 h 158210"/>
                  <a:gd name="connsiteX12" fmla="*/ 53776 w 76687"/>
                  <a:gd name="connsiteY12" fmla="*/ 102203 h 158210"/>
                  <a:gd name="connsiteX13" fmla="*/ 10677 w 76687"/>
                  <a:gd name="connsiteY13" fmla="*/ 86487 h 158210"/>
                  <a:gd name="connsiteX14" fmla="*/ 6111 w 76687"/>
                  <a:gd name="connsiteY14" fmla="*/ 88582 h 158210"/>
                  <a:gd name="connsiteX15" fmla="*/ 8204 w 76687"/>
                  <a:gd name="connsiteY15" fmla="*/ 93155 h 158210"/>
                  <a:gd name="connsiteX16" fmla="*/ 51207 w 76687"/>
                  <a:gd name="connsiteY16" fmla="*/ 108871 h 158210"/>
                  <a:gd name="connsiteX17" fmla="*/ 38363 w 76687"/>
                  <a:gd name="connsiteY17" fmla="*/ 136684 h 158210"/>
                  <a:gd name="connsiteX18" fmla="*/ 4779 w 76687"/>
                  <a:gd name="connsiteY18" fmla="*/ 124682 h 158210"/>
                  <a:gd name="connsiteX19" fmla="*/ 212 w 76687"/>
                  <a:gd name="connsiteY19" fmla="*/ 126873 h 158210"/>
                  <a:gd name="connsiteX20" fmla="*/ 2400 w 76687"/>
                  <a:gd name="connsiteY20" fmla="*/ 131445 h 158210"/>
                  <a:gd name="connsiteX21" fmla="*/ 34938 w 76687"/>
                  <a:gd name="connsiteY21" fmla="*/ 143066 h 158210"/>
                  <a:gd name="connsiteX22" fmla="*/ 30847 w 76687"/>
                  <a:gd name="connsiteY22" fmla="*/ 150019 h 158210"/>
                  <a:gd name="connsiteX23" fmla="*/ 47307 w 76687"/>
                  <a:gd name="connsiteY23" fmla="*/ 158210 h 158210"/>
                  <a:gd name="connsiteX24" fmla="*/ 72043 w 76687"/>
                  <a:gd name="connsiteY24" fmla="*/ 0 h 1582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76687" h="158210">
                    <a:moveTo>
                      <a:pt x="72138" y="95"/>
                    </a:moveTo>
                    <a:lnTo>
                      <a:pt x="65954" y="1333"/>
                    </a:lnTo>
                    <a:cubicBezTo>
                      <a:pt x="67667" y="9811"/>
                      <a:pt x="68333" y="18669"/>
                      <a:pt x="68428" y="27718"/>
                    </a:cubicBezTo>
                    <a:lnTo>
                      <a:pt x="43311" y="18955"/>
                    </a:lnTo>
                    <a:cubicBezTo>
                      <a:pt x="41408" y="18288"/>
                      <a:pt x="39410" y="19240"/>
                      <a:pt x="38744" y="21145"/>
                    </a:cubicBezTo>
                    <a:cubicBezTo>
                      <a:pt x="38078" y="23051"/>
                      <a:pt x="39029" y="25051"/>
                      <a:pt x="40932" y="25717"/>
                    </a:cubicBezTo>
                    <a:lnTo>
                      <a:pt x="68142" y="35243"/>
                    </a:lnTo>
                    <a:cubicBezTo>
                      <a:pt x="67667" y="45339"/>
                      <a:pt x="66335" y="55531"/>
                      <a:pt x="64242" y="65723"/>
                    </a:cubicBezTo>
                    <a:lnTo>
                      <a:pt x="25519" y="51911"/>
                    </a:lnTo>
                    <a:cubicBezTo>
                      <a:pt x="23712" y="51245"/>
                      <a:pt x="21619" y="52197"/>
                      <a:pt x="20953" y="54102"/>
                    </a:cubicBezTo>
                    <a:cubicBezTo>
                      <a:pt x="20287" y="56007"/>
                      <a:pt x="21238" y="58007"/>
                      <a:pt x="23141" y="58674"/>
                    </a:cubicBezTo>
                    <a:lnTo>
                      <a:pt x="62719" y="72771"/>
                    </a:lnTo>
                    <a:cubicBezTo>
                      <a:pt x="60341" y="82772"/>
                      <a:pt x="57296" y="92583"/>
                      <a:pt x="53776" y="102203"/>
                    </a:cubicBezTo>
                    <a:lnTo>
                      <a:pt x="10677" y="86487"/>
                    </a:lnTo>
                    <a:cubicBezTo>
                      <a:pt x="8870" y="85820"/>
                      <a:pt x="6777" y="86773"/>
                      <a:pt x="6111" y="88582"/>
                    </a:cubicBezTo>
                    <a:cubicBezTo>
                      <a:pt x="5445" y="90392"/>
                      <a:pt x="6396" y="92488"/>
                      <a:pt x="8204" y="93155"/>
                    </a:cubicBezTo>
                    <a:lnTo>
                      <a:pt x="51207" y="108871"/>
                    </a:lnTo>
                    <a:cubicBezTo>
                      <a:pt x="47307" y="118586"/>
                      <a:pt x="43025" y="127921"/>
                      <a:pt x="38363" y="136684"/>
                    </a:cubicBezTo>
                    <a:lnTo>
                      <a:pt x="4779" y="124682"/>
                    </a:lnTo>
                    <a:cubicBezTo>
                      <a:pt x="2876" y="124016"/>
                      <a:pt x="878" y="124968"/>
                      <a:pt x="212" y="126873"/>
                    </a:cubicBezTo>
                    <a:cubicBezTo>
                      <a:pt x="-454" y="128683"/>
                      <a:pt x="497" y="130778"/>
                      <a:pt x="2400" y="131445"/>
                    </a:cubicBezTo>
                    <a:lnTo>
                      <a:pt x="34938" y="143066"/>
                    </a:lnTo>
                    <a:cubicBezTo>
                      <a:pt x="33606" y="145447"/>
                      <a:pt x="32274" y="147733"/>
                      <a:pt x="30847" y="150019"/>
                    </a:cubicBezTo>
                    <a:lnTo>
                      <a:pt x="47307" y="158210"/>
                    </a:lnTo>
                    <a:cubicBezTo>
                      <a:pt x="71758" y="113824"/>
                      <a:pt x="84031" y="49911"/>
                      <a:pt x="72043" y="0"/>
                    </a:cubicBezTo>
                    <a:close/>
                  </a:path>
                </a:pathLst>
              </a:custGeom>
              <a:solidFill>
                <a:srgbClr val="C6583F"/>
              </a:solidFill>
              <a:ln w="9492" cap="flat">
                <a:noFill/>
                <a:prstDash val="solid"/>
                <a:miter/>
              </a:ln>
            </p:spPr>
            <p:txBody>
              <a:bodyPr rtlCol="0" anchor="ctr"/>
              <a:lstStyle/>
              <a:p>
                <a:endParaRPr lang="en-US"/>
              </a:p>
            </p:txBody>
          </p:sp>
          <p:sp>
            <p:nvSpPr>
              <p:cNvPr id="40" name="Freeform 39">
                <a:extLst>
                  <a:ext uri="{FF2B5EF4-FFF2-40B4-BE49-F238E27FC236}">
                    <a16:creationId xmlns:a16="http://schemas.microsoft.com/office/drawing/2014/main" id="{495F4285-A66B-BEC2-7641-9A85C10E1051}"/>
                  </a:ext>
                </a:extLst>
              </p:cNvPr>
              <p:cNvSpPr/>
              <p:nvPr/>
            </p:nvSpPr>
            <p:spPr>
              <a:xfrm>
                <a:off x="3913915" y="3496873"/>
                <a:ext cx="153658" cy="355092"/>
              </a:xfrm>
              <a:custGeom>
                <a:avLst/>
                <a:gdLst>
                  <a:gd name="connsiteX0" fmla="*/ 87744 w 153658"/>
                  <a:gd name="connsiteY0" fmla="*/ 40291 h 355092"/>
                  <a:gd name="connsiteX1" fmla="*/ 102681 w 153658"/>
                  <a:gd name="connsiteY1" fmla="*/ 308705 h 355092"/>
                  <a:gd name="connsiteX2" fmla="*/ 119616 w 153658"/>
                  <a:gd name="connsiteY2" fmla="*/ 294799 h 355092"/>
                  <a:gd name="connsiteX3" fmla="*/ 122375 w 153658"/>
                  <a:gd name="connsiteY3" fmla="*/ 289846 h 355092"/>
                  <a:gd name="connsiteX4" fmla="*/ 99446 w 153658"/>
                  <a:gd name="connsiteY4" fmla="*/ 12002 h 355092"/>
                  <a:gd name="connsiteX5" fmla="*/ 90598 w 153658"/>
                  <a:gd name="connsiteY5" fmla="*/ 0 h 355092"/>
                  <a:gd name="connsiteX6" fmla="*/ 79847 w 153658"/>
                  <a:gd name="connsiteY6" fmla="*/ 11716 h 355092"/>
                  <a:gd name="connsiteX7" fmla="*/ 53969 w 153658"/>
                  <a:gd name="connsiteY7" fmla="*/ 355092 h 355092"/>
                  <a:gd name="connsiteX8" fmla="*/ 56728 w 153658"/>
                  <a:gd name="connsiteY8" fmla="*/ 352235 h 355092"/>
                  <a:gd name="connsiteX9" fmla="*/ 87839 w 153658"/>
                  <a:gd name="connsiteY9" fmla="*/ 40386 h 355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53658" h="355092">
                    <a:moveTo>
                      <a:pt x="87744" y="40291"/>
                    </a:moveTo>
                    <a:cubicBezTo>
                      <a:pt x="152249" y="125540"/>
                      <a:pt x="150822" y="222314"/>
                      <a:pt x="102681" y="308705"/>
                    </a:cubicBezTo>
                    <a:cubicBezTo>
                      <a:pt x="108104" y="304038"/>
                      <a:pt x="113812" y="299466"/>
                      <a:pt x="119616" y="294799"/>
                    </a:cubicBezTo>
                    <a:cubicBezTo>
                      <a:pt x="120567" y="293180"/>
                      <a:pt x="121519" y="291560"/>
                      <a:pt x="122375" y="289846"/>
                    </a:cubicBezTo>
                    <a:cubicBezTo>
                      <a:pt x="172419" y="200216"/>
                      <a:pt x="160717" y="92678"/>
                      <a:pt x="99446" y="12002"/>
                    </a:cubicBezTo>
                    <a:lnTo>
                      <a:pt x="90598" y="0"/>
                    </a:lnTo>
                    <a:cubicBezTo>
                      <a:pt x="90598" y="0"/>
                      <a:pt x="79847" y="11716"/>
                      <a:pt x="79847" y="11716"/>
                    </a:cubicBezTo>
                    <a:cubicBezTo>
                      <a:pt x="-11203" y="110109"/>
                      <a:pt x="-30516" y="249650"/>
                      <a:pt x="53969" y="355092"/>
                    </a:cubicBezTo>
                    <a:cubicBezTo>
                      <a:pt x="54825" y="354140"/>
                      <a:pt x="55776" y="353187"/>
                      <a:pt x="56728" y="352235"/>
                    </a:cubicBezTo>
                    <a:cubicBezTo>
                      <a:pt x="-13010" y="246602"/>
                      <a:pt x="3259" y="132302"/>
                      <a:pt x="87839" y="40386"/>
                    </a:cubicBezTo>
                    <a:close/>
                  </a:path>
                </a:pathLst>
              </a:custGeom>
              <a:solidFill>
                <a:srgbClr val="C6583F"/>
              </a:solidFill>
              <a:ln w="9492" cap="flat">
                <a:noFill/>
                <a:prstDash val="solid"/>
                <a:miter/>
              </a:ln>
            </p:spPr>
            <p:txBody>
              <a:bodyPr rtlCol="0" anchor="ctr"/>
              <a:lstStyle/>
              <a:p>
                <a:endParaRPr lang="en-US"/>
              </a:p>
            </p:txBody>
          </p:sp>
        </p:grpSp>
        <p:sp>
          <p:nvSpPr>
            <p:cNvPr id="33" name="Freeform 32">
              <a:extLst>
                <a:ext uri="{FF2B5EF4-FFF2-40B4-BE49-F238E27FC236}">
                  <a16:creationId xmlns:a16="http://schemas.microsoft.com/office/drawing/2014/main" id="{61B2E362-4051-21A6-470E-6914E57FA92F}"/>
                </a:ext>
              </a:extLst>
            </p:cNvPr>
            <p:cNvSpPr/>
            <p:nvPr/>
          </p:nvSpPr>
          <p:spPr>
            <a:xfrm>
              <a:off x="3325968" y="4481473"/>
              <a:ext cx="241562" cy="151772"/>
            </a:xfrm>
            <a:custGeom>
              <a:avLst/>
              <a:gdLst>
                <a:gd name="connsiteX0" fmla="*/ 0 w 241562"/>
                <a:gd name="connsiteY0" fmla="*/ 149352 h 151772"/>
                <a:gd name="connsiteX1" fmla="*/ 241563 w 241562"/>
                <a:gd name="connsiteY1" fmla="*/ 17812 h 151772"/>
                <a:gd name="connsiteX2" fmla="*/ 178389 w 241562"/>
                <a:gd name="connsiteY2" fmla="*/ 0 h 151772"/>
                <a:gd name="connsiteX3" fmla="*/ 0 w 241562"/>
                <a:gd name="connsiteY3" fmla="*/ 149352 h 151772"/>
              </a:gdLst>
              <a:ahLst/>
              <a:cxnLst>
                <a:cxn ang="0">
                  <a:pos x="connsiteX0" y="connsiteY0"/>
                </a:cxn>
                <a:cxn ang="0">
                  <a:pos x="connsiteX1" y="connsiteY1"/>
                </a:cxn>
                <a:cxn ang="0">
                  <a:pos x="connsiteX2" y="connsiteY2"/>
                </a:cxn>
                <a:cxn ang="0">
                  <a:pos x="connsiteX3" y="connsiteY3"/>
                </a:cxn>
              </a:cxnLst>
              <a:rect l="l" t="t" r="r" b="b"/>
              <a:pathLst>
                <a:path w="241562" h="151772">
                  <a:moveTo>
                    <a:pt x="0" y="149352"/>
                  </a:moveTo>
                  <a:cubicBezTo>
                    <a:pt x="108556" y="163068"/>
                    <a:pt x="198940" y="118396"/>
                    <a:pt x="241563" y="17812"/>
                  </a:cubicBezTo>
                  <a:cubicBezTo>
                    <a:pt x="220061" y="13240"/>
                    <a:pt x="199701" y="7810"/>
                    <a:pt x="178389" y="0"/>
                  </a:cubicBezTo>
                  <a:cubicBezTo>
                    <a:pt x="94951" y="12287"/>
                    <a:pt x="27781" y="61246"/>
                    <a:pt x="0" y="149352"/>
                  </a:cubicBezTo>
                  <a:close/>
                </a:path>
              </a:pathLst>
            </a:custGeom>
            <a:noFill/>
            <a:ln w="9492" cap="flat">
              <a:noFill/>
              <a:prstDash val="solid"/>
              <a:miter/>
            </a:ln>
          </p:spPr>
          <p:txBody>
            <a:bodyPr rtlCol="0" anchor="ctr"/>
            <a:lstStyle/>
            <a:p>
              <a:endParaRPr lang="en-US"/>
            </a:p>
          </p:txBody>
        </p:sp>
        <p:sp>
          <p:nvSpPr>
            <p:cNvPr id="34" name="Freeform 33">
              <a:extLst>
                <a:ext uri="{FF2B5EF4-FFF2-40B4-BE49-F238E27FC236}">
                  <a16:creationId xmlns:a16="http://schemas.microsoft.com/office/drawing/2014/main" id="{5E70ED24-2A09-32BC-B074-DE5F17E93D31}"/>
                </a:ext>
              </a:extLst>
            </p:cNvPr>
            <p:cNvSpPr/>
            <p:nvPr/>
          </p:nvSpPr>
          <p:spPr>
            <a:xfrm>
              <a:off x="3553735" y="4473758"/>
              <a:ext cx="21882" cy="3429"/>
            </a:xfrm>
            <a:custGeom>
              <a:avLst/>
              <a:gdLst>
                <a:gd name="connsiteX0" fmla="*/ 0 w 21882"/>
                <a:gd name="connsiteY0" fmla="*/ 0 h 3429"/>
                <a:gd name="connsiteX1" fmla="*/ 21882 w 21882"/>
                <a:gd name="connsiteY1" fmla="*/ 3429 h 3429"/>
                <a:gd name="connsiteX2" fmla="*/ 0 w 21882"/>
                <a:gd name="connsiteY2" fmla="*/ 0 h 3429"/>
              </a:gdLst>
              <a:ahLst/>
              <a:cxnLst>
                <a:cxn ang="0">
                  <a:pos x="connsiteX0" y="connsiteY0"/>
                </a:cxn>
                <a:cxn ang="0">
                  <a:pos x="connsiteX1" y="connsiteY1"/>
                </a:cxn>
                <a:cxn ang="0">
                  <a:pos x="connsiteX2" y="connsiteY2"/>
                </a:cxn>
              </a:cxnLst>
              <a:rect l="l" t="t" r="r" b="b"/>
              <a:pathLst>
                <a:path w="21882" h="3429">
                  <a:moveTo>
                    <a:pt x="0" y="0"/>
                  </a:moveTo>
                  <a:cubicBezTo>
                    <a:pt x="7516" y="1333"/>
                    <a:pt x="14747" y="2381"/>
                    <a:pt x="21882" y="3429"/>
                  </a:cubicBezTo>
                  <a:cubicBezTo>
                    <a:pt x="14747" y="1810"/>
                    <a:pt x="7421" y="762"/>
                    <a:pt x="0" y="0"/>
                  </a:cubicBezTo>
                  <a:close/>
                </a:path>
              </a:pathLst>
            </a:custGeom>
            <a:solidFill>
              <a:srgbClr val="2B823F"/>
            </a:solidFill>
            <a:ln w="9492" cap="flat">
              <a:noFill/>
              <a:prstDash val="solid"/>
              <a:miter/>
            </a:ln>
          </p:spPr>
          <p:txBody>
            <a:bodyPr rtlCol="0" anchor="ctr"/>
            <a:lstStyle/>
            <a:p>
              <a:endParaRPr lang="en-US"/>
            </a:p>
          </p:txBody>
        </p:sp>
        <p:grpSp>
          <p:nvGrpSpPr>
            <p:cNvPr id="35" name="Graphic 12">
              <a:extLst>
                <a:ext uri="{FF2B5EF4-FFF2-40B4-BE49-F238E27FC236}">
                  <a16:creationId xmlns:a16="http://schemas.microsoft.com/office/drawing/2014/main" id="{B383C3F8-3719-0D11-A2A0-95710213E14C}"/>
                </a:ext>
              </a:extLst>
            </p:cNvPr>
            <p:cNvGrpSpPr/>
            <p:nvPr/>
          </p:nvGrpSpPr>
          <p:grpSpPr>
            <a:xfrm>
              <a:off x="3294572" y="4314009"/>
              <a:ext cx="277145" cy="340095"/>
              <a:chOff x="3294572" y="4314009"/>
              <a:chExt cx="277145" cy="340095"/>
            </a:xfrm>
            <a:solidFill>
              <a:srgbClr val="2B823F"/>
            </a:solidFill>
          </p:grpSpPr>
          <p:sp>
            <p:nvSpPr>
              <p:cNvPr id="37" name="Freeform 36">
                <a:extLst>
                  <a:ext uri="{FF2B5EF4-FFF2-40B4-BE49-F238E27FC236}">
                    <a16:creationId xmlns:a16="http://schemas.microsoft.com/office/drawing/2014/main" id="{0FB874D1-D45C-C7CE-C2DB-5C41F9EA261E}"/>
                  </a:ext>
                </a:extLst>
              </p:cNvPr>
              <p:cNvSpPr/>
              <p:nvPr/>
            </p:nvSpPr>
            <p:spPr>
              <a:xfrm>
                <a:off x="3440042" y="4314009"/>
                <a:ext cx="94189" cy="88692"/>
              </a:xfrm>
              <a:custGeom>
                <a:avLst/>
                <a:gdLst>
                  <a:gd name="connsiteX0" fmla="*/ 77920 w 94189"/>
                  <a:gd name="connsiteY0" fmla="*/ 72024 h 88692"/>
                  <a:gd name="connsiteX1" fmla="*/ 91906 w 94189"/>
                  <a:gd name="connsiteY1" fmla="*/ 63356 h 88692"/>
                  <a:gd name="connsiteX2" fmla="*/ 93048 w 94189"/>
                  <a:gd name="connsiteY2" fmla="*/ 58403 h 88692"/>
                  <a:gd name="connsiteX3" fmla="*/ 88100 w 94189"/>
                  <a:gd name="connsiteY3" fmla="*/ 57260 h 88692"/>
                  <a:gd name="connsiteX4" fmla="*/ 70119 w 94189"/>
                  <a:gd name="connsiteY4" fmla="*/ 68404 h 88692"/>
                  <a:gd name="connsiteX5" fmla="*/ 42338 w 94189"/>
                  <a:gd name="connsiteY5" fmla="*/ 51735 h 88692"/>
                  <a:gd name="connsiteX6" fmla="*/ 65171 w 94189"/>
                  <a:gd name="connsiteY6" fmla="*/ 35828 h 88692"/>
                  <a:gd name="connsiteX7" fmla="*/ 66028 w 94189"/>
                  <a:gd name="connsiteY7" fmla="*/ 30876 h 88692"/>
                  <a:gd name="connsiteX8" fmla="*/ 61080 w 94189"/>
                  <a:gd name="connsiteY8" fmla="*/ 30018 h 88692"/>
                  <a:gd name="connsiteX9" fmla="*/ 36534 w 94189"/>
                  <a:gd name="connsiteY9" fmla="*/ 47163 h 88692"/>
                  <a:gd name="connsiteX10" fmla="*/ 14842 w 94189"/>
                  <a:gd name="connsiteY10" fmla="*/ 25637 h 88692"/>
                  <a:gd name="connsiteX11" fmla="*/ 14842 w 94189"/>
                  <a:gd name="connsiteY11" fmla="*/ 25637 h 88692"/>
                  <a:gd name="connsiteX12" fmla="*/ 42623 w 94189"/>
                  <a:gd name="connsiteY12" fmla="*/ 6492 h 88692"/>
                  <a:gd name="connsiteX13" fmla="*/ 43575 w 94189"/>
                  <a:gd name="connsiteY13" fmla="*/ 1539 h 88692"/>
                  <a:gd name="connsiteX14" fmla="*/ 38627 w 94189"/>
                  <a:gd name="connsiteY14" fmla="*/ 586 h 88692"/>
                  <a:gd name="connsiteX15" fmla="*/ 10846 w 94189"/>
                  <a:gd name="connsiteY15" fmla="*/ 19731 h 88692"/>
                  <a:gd name="connsiteX16" fmla="*/ 10465 w 94189"/>
                  <a:gd name="connsiteY16" fmla="*/ 20112 h 88692"/>
                  <a:gd name="connsiteX17" fmla="*/ 3425 w 94189"/>
                  <a:gd name="connsiteY17" fmla="*/ 9159 h 88692"/>
                  <a:gd name="connsiteX18" fmla="*/ 0 w 94189"/>
                  <a:gd name="connsiteY18" fmla="*/ 12778 h 88692"/>
                  <a:gd name="connsiteX19" fmla="*/ 88291 w 94189"/>
                  <a:gd name="connsiteY19" fmla="*/ 88692 h 88692"/>
                  <a:gd name="connsiteX20" fmla="*/ 94190 w 94189"/>
                  <a:gd name="connsiteY20" fmla="*/ 78501 h 88692"/>
                  <a:gd name="connsiteX21" fmla="*/ 77920 w 94189"/>
                  <a:gd name="connsiteY21" fmla="*/ 72119 h 88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4189" h="88692">
                    <a:moveTo>
                      <a:pt x="77920" y="72024"/>
                    </a:moveTo>
                    <a:lnTo>
                      <a:pt x="91906" y="63356"/>
                    </a:lnTo>
                    <a:cubicBezTo>
                      <a:pt x="93619" y="62308"/>
                      <a:pt x="94094" y="60117"/>
                      <a:pt x="93048" y="58403"/>
                    </a:cubicBezTo>
                    <a:cubicBezTo>
                      <a:pt x="92001" y="56688"/>
                      <a:pt x="89813" y="56212"/>
                      <a:pt x="88100" y="57260"/>
                    </a:cubicBezTo>
                    <a:lnTo>
                      <a:pt x="70119" y="68404"/>
                    </a:lnTo>
                    <a:cubicBezTo>
                      <a:pt x="60414" y="63642"/>
                      <a:pt x="51091" y="58117"/>
                      <a:pt x="42338" y="51735"/>
                    </a:cubicBezTo>
                    <a:lnTo>
                      <a:pt x="65171" y="35828"/>
                    </a:lnTo>
                    <a:cubicBezTo>
                      <a:pt x="66789" y="34686"/>
                      <a:pt x="67169" y="32495"/>
                      <a:pt x="66028" y="30876"/>
                    </a:cubicBezTo>
                    <a:cubicBezTo>
                      <a:pt x="64886" y="29256"/>
                      <a:pt x="62698" y="28875"/>
                      <a:pt x="61080" y="30018"/>
                    </a:cubicBezTo>
                    <a:lnTo>
                      <a:pt x="36534" y="47163"/>
                    </a:lnTo>
                    <a:cubicBezTo>
                      <a:pt x="28542" y="40686"/>
                      <a:pt x="21216" y="33447"/>
                      <a:pt x="14842" y="25637"/>
                    </a:cubicBezTo>
                    <a:cubicBezTo>
                      <a:pt x="14842" y="25637"/>
                      <a:pt x="14842" y="25637"/>
                      <a:pt x="14842" y="25637"/>
                    </a:cubicBezTo>
                    <a:lnTo>
                      <a:pt x="42623" y="6492"/>
                    </a:lnTo>
                    <a:cubicBezTo>
                      <a:pt x="44241" y="5349"/>
                      <a:pt x="44621" y="3158"/>
                      <a:pt x="43575" y="1539"/>
                    </a:cubicBezTo>
                    <a:cubicBezTo>
                      <a:pt x="42433" y="-81"/>
                      <a:pt x="40245" y="-462"/>
                      <a:pt x="38627" y="586"/>
                    </a:cubicBezTo>
                    <a:lnTo>
                      <a:pt x="10846" y="19731"/>
                    </a:lnTo>
                    <a:cubicBezTo>
                      <a:pt x="10846" y="19731"/>
                      <a:pt x="10656" y="20017"/>
                      <a:pt x="10465" y="20112"/>
                    </a:cubicBezTo>
                    <a:cubicBezTo>
                      <a:pt x="7897" y="16588"/>
                      <a:pt x="5518" y="12873"/>
                      <a:pt x="3425" y="9159"/>
                    </a:cubicBezTo>
                    <a:lnTo>
                      <a:pt x="0" y="12778"/>
                    </a:lnTo>
                    <a:cubicBezTo>
                      <a:pt x="17982" y="48497"/>
                      <a:pt x="51281" y="74691"/>
                      <a:pt x="88291" y="88692"/>
                    </a:cubicBezTo>
                    <a:lnTo>
                      <a:pt x="94190" y="78501"/>
                    </a:lnTo>
                    <a:cubicBezTo>
                      <a:pt x="88766" y="76691"/>
                      <a:pt x="83343" y="74500"/>
                      <a:pt x="77920" y="72119"/>
                    </a:cubicBezTo>
                    <a:close/>
                  </a:path>
                </a:pathLst>
              </a:custGeom>
              <a:solidFill>
                <a:srgbClr val="2B823F"/>
              </a:solidFill>
              <a:ln w="9492" cap="flat">
                <a:noFill/>
                <a:prstDash val="solid"/>
                <a:miter/>
              </a:ln>
            </p:spPr>
            <p:txBody>
              <a:bodyPr rtlCol="0" anchor="ctr"/>
              <a:lstStyle/>
              <a:p>
                <a:endParaRPr lang="en-US"/>
              </a:p>
            </p:txBody>
          </p:sp>
          <p:sp>
            <p:nvSpPr>
              <p:cNvPr id="38" name="Freeform 37">
                <a:extLst>
                  <a:ext uri="{FF2B5EF4-FFF2-40B4-BE49-F238E27FC236}">
                    <a16:creationId xmlns:a16="http://schemas.microsoft.com/office/drawing/2014/main" id="{01EE204A-DDAA-31F8-2D61-D2C813CE7E39}"/>
                  </a:ext>
                </a:extLst>
              </p:cNvPr>
              <p:cNvSpPr/>
              <p:nvPr/>
            </p:nvSpPr>
            <p:spPr>
              <a:xfrm>
                <a:off x="3294572" y="4475472"/>
                <a:ext cx="277145" cy="178631"/>
              </a:xfrm>
              <a:custGeom>
                <a:avLst/>
                <a:gdLst>
                  <a:gd name="connsiteX0" fmla="*/ 31397 w 277145"/>
                  <a:gd name="connsiteY0" fmla="*/ 155353 h 178631"/>
                  <a:gd name="connsiteX1" fmla="*/ 209786 w 277145"/>
                  <a:gd name="connsiteY1" fmla="*/ 6001 h 178631"/>
                  <a:gd name="connsiteX2" fmla="*/ 194563 w 277145"/>
                  <a:gd name="connsiteY2" fmla="*/ 0 h 178631"/>
                  <a:gd name="connsiteX3" fmla="*/ 2854 w 277145"/>
                  <a:gd name="connsiteY3" fmla="*/ 160877 h 178631"/>
                  <a:gd name="connsiteX4" fmla="*/ 0 w 277145"/>
                  <a:gd name="connsiteY4" fmla="*/ 174307 h 178631"/>
                  <a:gd name="connsiteX5" fmla="*/ 14176 w 277145"/>
                  <a:gd name="connsiteY5" fmla="*/ 176117 h 178631"/>
                  <a:gd name="connsiteX6" fmla="*/ 277145 w 277145"/>
                  <a:gd name="connsiteY6" fmla="*/ 24670 h 178631"/>
                  <a:gd name="connsiteX7" fmla="*/ 272864 w 277145"/>
                  <a:gd name="connsiteY7" fmla="*/ 23717 h 178631"/>
                  <a:gd name="connsiteX8" fmla="*/ 31301 w 277145"/>
                  <a:gd name="connsiteY8" fmla="*/ 155257 h 1786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7145" h="178631">
                    <a:moveTo>
                      <a:pt x="31397" y="155353"/>
                    </a:moveTo>
                    <a:cubicBezTo>
                      <a:pt x="59273" y="67342"/>
                      <a:pt x="126347" y="18383"/>
                      <a:pt x="209786" y="6001"/>
                    </a:cubicBezTo>
                    <a:cubicBezTo>
                      <a:pt x="204743" y="4191"/>
                      <a:pt x="199701" y="2191"/>
                      <a:pt x="194563" y="0"/>
                    </a:cubicBezTo>
                    <a:cubicBezTo>
                      <a:pt x="103418" y="10477"/>
                      <a:pt x="30065" y="74200"/>
                      <a:pt x="2854" y="160877"/>
                    </a:cubicBezTo>
                    <a:lnTo>
                      <a:pt x="0" y="174307"/>
                    </a:lnTo>
                    <a:cubicBezTo>
                      <a:pt x="0" y="174307"/>
                      <a:pt x="14271" y="176117"/>
                      <a:pt x="14176" y="176117"/>
                    </a:cubicBezTo>
                    <a:cubicBezTo>
                      <a:pt x="131009" y="191452"/>
                      <a:pt x="240897" y="136112"/>
                      <a:pt x="277145" y="24670"/>
                    </a:cubicBezTo>
                    <a:cubicBezTo>
                      <a:pt x="275718" y="24384"/>
                      <a:pt x="274291" y="24003"/>
                      <a:pt x="272864" y="23717"/>
                    </a:cubicBezTo>
                    <a:cubicBezTo>
                      <a:pt x="230241" y="124206"/>
                      <a:pt x="139762" y="168973"/>
                      <a:pt x="31301" y="155257"/>
                    </a:cubicBezTo>
                    <a:close/>
                  </a:path>
                </a:pathLst>
              </a:custGeom>
              <a:solidFill>
                <a:srgbClr val="2B823F"/>
              </a:solidFill>
              <a:ln w="9492" cap="flat">
                <a:noFill/>
                <a:prstDash val="solid"/>
                <a:miter/>
              </a:ln>
            </p:spPr>
            <p:txBody>
              <a:bodyPr rtlCol="0" anchor="ctr"/>
              <a:lstStyle/>
              <a:p>
                <a:endParaRPr lang="en-US"/>
              </a:p>
            </p:txBody>
          </p:sp>
        </p:grpSp>
        <p:sp>
          <p:nvSpPr>
            <p:cNvPr id="36" name="Freeform 35">
              <a:extLst>
                <a:ext uri="{FF2B5EF4-FFF2-40B4-BE49-F238E27FC236}">
                  <a16:creationId xmlns:a16="http://schemas.microsoft.com/office/drawing/2014/main" id="{A8A7968D-0699-8633-E2A8-BD92F9855E58}"/>
                </a:ext>
              </a:extLst>
            </p:cNvPr>
            <p:cNvSpPr/>
            <p:nvPr/>
          </p:nvSpPr>
          <p:spPr>
            <a:xfrm>
              <a:off x="2630108" y="3433628"/>
              <a:ext cx="2639113" cy="2153269"/>
            </a:xfrm>
            <a:custGeom>
              <a:avLst/>
              <a:gdLst>
                <a:gd name="connsiteX0" fmla="*/ 2638923 w 2639113"/>
                <a:gd name="connsiteY0" fmla="*/ 807911 h 2153269"/>
                <a:gd name="connsiteX1" fmla="*/ 2570422 w 2639113"/>
                <a:gd name="connsiteY1" fmla="*/ 1213580 h 2153269"/>
                <a:gd name="connsiteX2" fmla="*/ 2389464 w 2639113"/>
                <a:gd name="connsiteY2" fmla="*/ 1565053 h 2153269"/>
                <a:gd name="connsiteX3" fmla="*/ 2115934 w 2639113"/>
                <a:gd name="connsiteY3" fmla="*/ 1845088 h 2153269"/>
                <a:gd name="connsiteX4" fmla="*/ 1769526 w 2639113"/>
                <a:gd name="connsiteY4" fmla="*/ 2033873 h 2153269"/>
                <a:gd name="connsiteX5" fmla="*/ 1371837 w 2639113"/>
                <a:gd name="connsiteY5" fmla="*/ 2111597 h 2153269"/>
                <a:gd name="connsiteX6" fmla="*/ 1129608 w 2639113"/>
                <a:gd name="connsiteY6" fmla="*/ 2098739 h 2153269"/>
                <a:gd name="connsiteX7" fmla="*/ 1110580 w 2639113"/>
                <a:gd name="connsiteY7" fmla="*/ 1974723 h 2153269"/>
                <a:gd name="connsiteX8" fmla="*/ 1277267 w 2639113"/>
                <a:gd name="connsiteY8" fmla="*/ 1615440 h 2153269"/>
                <a:gd name="connsiteX9" fmla="*/ 1887881 w 2639113"/>
                <a:gd name="connsiteY9" fmla="*/ 1253300 h 2153269"/>
                <a:gd name="connsiteX10" fmla="*/ 1964755 w 2639113"/>
                <a:gd name="connsiteY10" fmla="*/ 1200436 h 2153269"/>
                <a:gd name="connsiteX11" fmla="*/ 1970083 w 2639113"/>
                <a:gd name="connsiteY11" fmla="*/ 1196054 h 2153269"/>
                <a:gd name="connsiteX12" fmla="*/ 2004333 w 2639113"/>
                <a:gd name="connsiteY12" fmla="*/ 1164908 h 2153269"/>
                <a:gd name="connsiteX13" fmla="*/ 2009376 w 2639113"/>
                <a:gd name="connsiteY13" fmla="*/ 1159859 h 2153269"/>
                <a:gd name="connsiteX14" fmla="*/ 2060657 w 2639113"/>
                <a:gd name="connsiteY14" fmla="*/ 1098709 h 2153269"/>
                <a:gd name="connsiteX15" fmla="*/ 2110796 w 2639113"/>
                <a:gd name="connsiteY15" fmla="*/ 1020318 h 2153269"/>
                <a:gd name="connsiteX16" fmla="*/ 2112984 w 2639113"/>
                <a:gd name="connsiteY16" fmla="*/ 1016603 h 2153269"/>
                <a:gd name="connsiteX17" fmla="*/ 2171020 w 2639113"/>
                <a:gd name="connsiteY17" fmla="*/ 920401 h 2153269"/>
                <a:gd name="connsiteX18" fmla="*/ 2475566 w 2639113"/>
                <a:gd name="connsiteY18" fmla="*/ 645700 h 2153269"/>
                <a:gd name="connsiteX19" fmla="*/ 2151516 w 2639113"/>
                <a:gd name="connsiteY19" fmla="*/ 906685 h 2153269"/>
                <a:gd name="connsiteX20" fmla="*/ 2090531 w 2639113"/>
                <a:gd name="connsiteY20" fmla="*/ 996220 h 2153269"/>
                <a:gd name="connsiteX21" fmla="*/ 2086440 w 2639113"/>
                <a:gd name="connsiteY21" fmla="*/ 1002125 h 2153269"/>
                <a:gd name="connsiteX22" fmla="*/ 2069124 w 2639113"/>
                <a:gd name="connsiteY22" fmla="*/ 1026890 h 2153269"/>
                <a:gd name="connsiteX23" fmla="*/ 2064938 w 2639113"/>
                <a:gd name="connsiteY23" fmla="*/ 1032701 h 2153269"/>
                <a:gd name="connsiteX24" fmla="*/ 2046576 w 2639113"/>
                <a:gd name="connsiteY24" fmla="*/ 1056894 h 2153269"/>
                <a:gd name="connsiteX25" fmla="*/ 2042009 w 2639113"/>
                <a:gd name="connsiteY25" fmla="*/ 1062419 h 2153269"/>
                <a:gd name="connsiteX26" fmla="*/ 2022220 w 2639113"/>
                <a:gd name="connsiteY26" fmla="*/ 1085279 h 2153269"/>
                <a:gd name="connsiteX27" fmla="*/ 2017177 w 2639113"/>
                <a:gd name="connsiteY27" fmla="*/ 1090422 h 2153269"/>
                <a:gd name="connsiteX28" fmla="*/ 1994914 w 2639113"/>
                <a:gd name="connsiteY28" fmla="*/ 1111568 h 2153269"/>
                <a:gd name="connsiteX29" fmla="*/ 1989301 w 2639113"/>
                <a:gd name="connsiteY29" fmla="*/ 1116140 h 2153269"/>
                <a:gd name="connsiteX30" fmla="*/ 1969607 w 2639113"/>
                <a:gd name="connsiteY30" fmla="*/ 1130808 h 2153269"/>
                <a:gd name="connsiteX31" fmla="*/ 1924700 w 2639113"/>
                <a:gd name="connsiteY31" fmla="*/ 1159288 h 2153269"/>
                <a:gd name="connsiteX32" fmla="*/ 1918897 w 2639113"/>
                <a:gd name="connsiteY32" fmla="*/ 1120997 h 2153269"/>
                <a:gd name="connsiteX33" fmla="*/ 1917089 w 2639113"/>
                <a:gd name="connsiteY33" fmla="*/ 1005650 h 2153269"/>
                <a:gd name="connsiteX34" fmla="*/ 1918421 w 2639113"/>
                <a:gd name="connsiteY34" fmla="*/ 997268 h 2153269"/>
                <a:gd name="connsiteX35" fmla="*/ 1927079 w 2639113"/>
                <a:gd name="connsiteY35" fmla="*/ 965359 h 2153269"/>
                <a:gd name="connsiteX36" fmla="*/ 1929838 w 2639113"/>
                <a:gd name="connsiteY36" fmla="*/ 958406 h 2153269"/>
                <a:gd name="connsiteX37" fmla="*/ 1944299 w 2639113"/>
                <a:gd name="connsiteY37" fmla="*/ 931259 h 2153269"/>
                <a:gd name="connsiteX38" fmla="*/ 1948390 w 2639113"/>
                <a:gd name="connsiteY38" fmla="*/ 925354 h 2153269"/>
                <a:gd name="connsiteX39" fmla="*/ 1968275 w 2639113"/>
                <a:gd name="connsiteY39" fmla="*/ 902113 h 2153269"/>
                <a:gd name="connsiteX40" fmla="*/ 1973508 w 2639113"/>
                <a:gd name="connsiteY40" fmla="*/ 897160 h 2153269"/>
                <a:gd name="connsiteX41" fmla="*/ 2002906 w 2639113"/>
                <a:gd name="connsiteY41" fmla="*/ 874395 h 2153269"/>
                <a:gd name="connsiteX42" fmla="*/ 2000813 w 2639113"/>
                <a:gd name="connsiteY42" fmla="*/ 870966 h 2153269"/>
                <a:gd name="connsiteX43" fmla="*/ 1933453 w 2639113"/>
                <a:gd name="connsiteY43" fmla="*/ 925449 h 2153269"/>
                <a:gd name="connsiteX44" fmla="*/ 1898251 w 2639113"/>
                <a:gd name="connsiteY44" fmla="*/ 1019366 h 2153269"/>
                <a:gd name="connsiteX45" fmla="*/ 1898251 w 2639113"/>
                <a:gd name="connsiteY45" fmla="*/ 1146143 h 2153269"/>
                <a:gd name="connsiteX46" fmla="*/ 1901391 w 2639113"/>
                <a:gd name="connsiteY46" fmla="*/ 1173194 h 2153269"/>
                <a:gd name="connsiteX47" fmla="*/ 1640229 w 2639113"/>
                <a:gd name="connsiteY47" fmla="*/ 1297115 h 2153269"/>
                <a:gd name="connsiteX48" fmla="*/ 1549750 w 2639113"/>
                <a:gd name="connsiteY48" fmla="*/ 1336358 h 2153269"/>
                <a:gd name="connsiteX49" fmla="*/ 1648887 w 2639113"/>
                <a:gd name="connsiteY49" fmla="*/ 869633 h 2153269"/>
                <a:gd name="connsiteX50" fmla="*/ 1852298 w 2639113"/>
                <a:gd name="connsiteY50" fmla="*/ 649034 h 2153269"/>
                <a:gd name="connsiteX51" fmla="*/ 1825659 w 2639113"/>
                <a:gd name="connsiteY51" fmla="*/ 360140 h 2153269"/>
                <a:gd name="connsiteX52" fmla="*/ 1822900 w 2639113"/>
                <a:gd name="connsiteY52" fmla="*/ 361474 h 2153269"/>
                <a:gd name="connsiteX53" fmla="*/ 1851061 w 2639113"/>
                <a:gd name="connsiteY53" fmla="*/ 518351 h 2153269"/>
                <a:gd name="connsiteX54" fmla="*/ 1655166 w 2639113"/>
                <a:gd name="connsiteY54" fmla="*/ 835628 h 2153269"/>
                <a:gd name="connsiteX55" fmla="*/ 1586379 w 2639113"/>
                <a:gd name="connsiteY55" fmla="*/ 724281 h 2153269"/>
                <a:gd name="connsiteX56" fmla="*/ 1624911 w 2639113"/>
                <a:gd name="connsiteY56" fmla="*/ 703231 h 2153269"/>
                <a:gd name="connsiteX57" fmla="*/ 1727093 w 2639113"/>
                <a:gd name="connsiteY57" fmla="*/ 629603 h 2153269"/>
                <a:gd name="connsiteX58" fmla="*/ 1784463 w 2639113"/>
                <a:gd name="connsiteY58" fmla="*/ 546830 h 2153269"/>
                <a:gd name="connsiteX59" fmla="*/ 1789886 w 2639113"/>
                <a:gd name="connsiteY59" fmla="*/ 460343 h 2153269"/>
                <a:gd name="connsiteX60" fmla="*/ 1785890 w 2639113"/>
                <a:gd name="connsiteY60" fmla="*/ 460629 h 2153269"/>
                <a:gd name="connsiteX61" fmla="*/ 1783321 w 2639113"/>
                <a:gd name="connsiteY61" fmla="*/ 503492 h 2153269"/>
                <a:gd name="connsiteX62" fmla="*/ 1781799 w 2639113"/>
                <a:gd name="connsiteY62" fmla="*/ 510730 h 2153269"/>
                <a:gd name="connsiteX63" fmla="*/ 1773236 w 2639113"/>
                <a:gd name="connsiteY63" fmla="*/ 539972 h 2153269"/>
                <a:gd name="connsiteX64" fmla="*/ 1770382 w 2639113"/>
                <a:gd name="connsiteY64" fmla="*/ 546545 h 2153269"/>
                <a:gd name="connsiteX65" fmla="*/ 1755540 w 2639113"/>
                <a:gd name="connsiteY65" fmla="*/ 573024 h 2153269"/>
                <a:gd name="connsiteX66" fmla="*/ 1751354 w 2639113"/>
                <a:gd name="connsiteY66" fmla="*/ 578930 h 2153269"/>
                <a:gd name="connsiteX67" fmla="*/ 1730708 w 2639113"/>
                <a:gd name="connsiteY67" fmla="*/ 602552 h 2153269"/>
                <a:gd name="connsiteX68" fmla="*/ 1725285 w 2639113"/>
                <a:gd name="connsiteY68" fmla="*/ 607790 h 2153269"/>
                <a:gd name="connsiteX69" fmla="*/ 1699978 w 2639113"/>
                <a:gd name="connsiteY69" fmla="*/ 628460 h 2153269"/>
                <a:gd name="connsiteX70" fmla="*/ 1693413 w 2639113"/>
                <a:gd name="connsiteY70" fmla="*/ 633127 h 2153269"/>
                <a:gd name="connsiteX71" fmla="*/ 1664300 w 2639113"/>
                <a:gd name="connsiteY71" fmla="*/ 652082 h 2153269"/>
                <a:gd name="connsiteX72" fmla="*/ 1657069 w 2639113"/>
                <a:gd name="connsiteY72" fmla="*/ 656463 h 2153269"/>
                <a:gd name="connsiteX73" fmla="*/ 1636138 w 2639113"/>
                <a:gd name="connsiteY73" fmla="*/ 668845 h 2153269"/>
                <a:gd name="connsiteX74" fmla="*/ 1575153 w 2639113"/>
                <a:gd name="connsiteY74" fmla="*/ 699611 h 2153269"/>
                <a:gd name="connsiteX75" fmla="*/ 1573440 w 2639113"/>
                <a:gd name="connsiteY75" fmla="*/ 695325 h 2153269"/>
                <a:gd name="connsiteX76" fmla="*/ 1540617 w 2639113"/>
                <a:gd name="connsiteY76" fmla="*/ 554736 h 2153269"/>
                <a:gd name="connsiteX77" fmla="*/ 1540331 w 2639113"/>
                <a:gd name="connsiteY77" fmla="*/ 546545 h 2153269"/>
                <a:gd name="connsiteX78" fmla="*/ 1542139 w 2639113"/>
                <a:gd name="connsiteY78" fmla="*/ 514160 h 2153269"/>
                <a:gd name="connsiteX79" fmla="*/ 1543376 w 2639113"/>
                <a:gd name="connsiteY79" fmla="*/ 506730 h 2153269"/>
                <a:gd name="connsiteX80" fmla="*/ 1550797 w 2639113"/>
                <a:gd name="connsiteY80" fmla="*/ 475869 h 2153269"/>
                <a:gd name="connsiteX81" fmla="*/ 1553175 w 2639113"/>
                <a:gd name="connsiteY81" fmla="*/ 469106 h 2153269"/>
                <a:gd name="connsiteX82" fmla="*/ 1565734 w 2639113"/>
                <a:gd name="connsiteY82" fmla="*/ 441865 h 2153269"/>
                <a:gd name="connsiteX83" fmla="*/ 1569254 w 2639113"/>
                <a:gd name="connsiteY83" fmla="*/ 435674 h 2153269"/>
                <a:gd name="connsiteX84" fmla="*/ 1571728 w 2639113"/>
                <a:gd name="connsiteY84" fmla="*/ 431292 h 2153269"/>
                <a:gd name="connsiteX85" fmla="*/ 1587331 w 2639113"/>
                <a:gd name="connsiteY85" fmla="*/ 410718 h 2153269"/>
                <a:gd name="connsiteX86" fmla="*/ 1592563 w 2639113"/>
                <a:gd name="connsiteY86" fmla="*/ 405384 h 2153269"/>
                <a:gd name="connsiteX87" fmla="*/ 1642227 w 2639113"/>
                <a:gd name="connsiteY87" fmla="*/ 384620 h 2153269"/>
                <a:gd name="connsiteX88" fmla="*/ 1636043 w 2639113"/>
                <a:gd name="connsiteY88" fmla="*/ 380714 h 2153269"/>
                <a:gd name="connsiteX89" fmla="*/ 1582954 w 2639113"/>
                <a:gd name="connsiteY89" fmla="*/ 401098 h 2153269"/>
                <a:gd name="connsiteX90" fmla="*/ 1580005 w 2639113"/>
                <a:gd name="connsiteY90" fmla="*/ 403193 h 2153269"/>
                <a:gd name="connsiteX91" fmla="*/ 1554792 w 2639113"/>
                <a:gd name="connsiteY91" fmla="*/ 430816 h 2153269"/>
                <a:gd name="connsiteX92" fmla="*/ 1526155 w 2639113"/>
                <a:gd name="connsiteY92" fmla="*/ 498157 h 2153269"/>
                <a:gd name="connsiteX93" fmla="*/ 1524443 w 2639113"/>
                <a:gd name="connsiteY93" fmla="*/ 505016 h 2153269"/>
                <a:gd name="connsiteX94" fmla="*/ 1520352 w 2639113"/>
                <a:gd name="connsiteY94" fmla="*/ 531686 h 2153269"/>
                <a:gd name="connsiteX95" fmla="*/ 1552319 w 2639113"/>
                <a:gd name="connsiteY95" fmla="*/ 704279 h 2153269"/>
                <a:gd name="connsiteX96" fmla="*/ 1562214 w 2639113"/>
                <a:gd name="connsiteY96" fmla="*/ 726281 h 2153269"/>
                <a:gd name="connsiteX97" fmla="*/ 1604076 w 2639113"/>
                <a:gd name="connsiteY97" fmla="*/ 803910 h 2153269"/>
                <a:gd name="connsiteX98" fmla="*/ 1606264 w 2639113"/>
                <a:gd name="connsiteY98" fmla="*/ 807625 h 2153269"/>
                <a:gd name="connsiteX99" fmla="*/ 1625958 w 2639113"/>
                <a:gd name="connsiteY99" fmla="*/ 841343 h 2153269"/>
                <a:gd name="connsiteX100" fmla="*/ 1630715 w 2639113"/>
                <a:gd name="connsiteY100" fmla="*/ 849820 h 2153269"/>
                <a:gd name="connsiteX101" fmla="*/ 1460793 w 2639113"/>
                <a:gd name="connsiteY101" fmla="*/ 1377601 h 2153269"/>
                <a:gd name="connsiteX102" fmla="*/ 1227793 w 2639113"/>
                <a:gd name="connsiteY102" fmla="*/ 1502378 h 2153269"/>
                <a:gd name="connsiteX103" fmla="*/ 1111436 w 2639113"/>
                <a:gd name="connsiteY103" fmla="*/ 1335500 h 2153269"/>
                <a:gd name="connsiteX104" fmla="*/ 1252245 w 2639113"/>
                <a:gd name="connsiteY104" fmla="*/ 852773 h 2153269"/>
                <a:gd name="connsiteX105" fmla="*/ 1401901 w 2639113"/>
                <a:gd name="connsiteY105" fmla="*/ 399764 h 2153269"/>
                <a:gd name="connsiteX106" fmla="*/ 1587616 w 2639113"/>
                <a:gd name="connsiteY106" fmla="*/ 243554 h 2153269"/>
                <a:gd name="connsiteX107" fmla="*/ 1737558 w 2639113"/>
                <a:gd name="connsiteY107" fmla="*/ 94393 h 2153269"/>
                <a:gd name="connsiteX108" fmla="*/ 1716627 w 2639113"/>
                <a:gd name="connsiteY108" fmla="*/ 112967 h 2153269"/>
                <a:gd name="connsiteX109" fmla="*/ 1587140 w 2639113"/>
                <a:gd name="connsiteY109" fmla="*/ 223171 h 2153269"/>
                <a:gd name="connsiteX110" fmla="*/ 1423784 w 2639113"/>
                <a:gd name="connsiteY110" fmla="*/ 341757 h 2153269"/>
                <a:gd name="connsiteX111" fmla="*/ 1403233 w 2639113"/>
                <a:gd name="connsiteY111" fmla="*/ 357664 h 2153269"/>
                <a:gd name="connsiteX112" fmla="*/ 1386298 w 2639113"/>
                <a:gd name="connsiteY112" fmla="*/ 371570 h 2153269"/>
                <a:gd name="connsiteX113" fmla="*/ 1340345 w 2639113"/>
                <a:gd name="connsiteY113" fmla="*/ 415004 h 2153269"/>
                <a:gd name="connsiteX114" fmla="*/ 1337586 w 2639113"/>
                <a:gd name="connsiteY114" fmla="*/ 417862 h 2153269"/>
                <a:gd name="connsiteX115" fmla="*/ 1260331 w 2639113"/>
                <a:gd name="connsiteY115" fmla="*/ 543306 h 2153269"/>
                <a:gd name="connsiteX116" fmla="*/ 1073950 w 2639113"/>
                <a:gd name="connsiteY116" fmla="*/ 345662 h 2153269"/>
                <a:gd name="connsiteX117" fmla="*/ 1106679 w 2639113"/>
                <a:gd name="connsiteY117" fmla="*/ 315659 h 2153269"/>
                <a:gd name="connsiteX118" fmla="*/ 1188215 w 2639113"/>
                <a:gd name="connsiteY118" fmla="*/ 219647 h 2153269"/>
                <a:gd name="connsiteX119" fmla="*/ 1224083 w 2639113"/>
                <a:gd name="connsiteY119" fmla="*/ 125539 h 2153269"/>
                <a:gd name="connsiteX120" fmla="*/ 1222370 w 2639113"/>
                <a:gd name="connsiteY120" fmla="*/ 88106 h 2153269"/>
                <a:gd name="connsiteX121" fmla="*/ 1221895 w 2639113"/>
                <a:gd name="connsiteY121" fmla="*/ 84868 h 2153269"/>
                <a:gd name="connsiteX122" fmla="*/ 1208670 w 2639113"/>
                <a:gd name="connsiteY122" fmla="*/ 40291 h 2153269"/>
                <a:gd name="connsiteX123" fmla="*/ 1204864 w 2639113"/>
                <a:gd name="connsiteY123" fmla="*/ 41529 h 2153269"/>
                <a:gd name="connsiteX124" fmla="*/ 1212285 w 2639113"/>
                <a:gd name="connsiteY124" fmla="*/ 80677 h 2153269"/>
                <a:gd name="connsiteX125" fmla="*/ 1212761 w 2639113"/>
                <a:gd name="connsiteY125" fmla="*/ 88487 h 2153269"/>
                <a:gd name="connsiteX126" fmla="*/ 1211429 w 2639113"/>
                <a:gd name="connsiteY126" fmla="*/ 119920 h 2153269"/>
                <a:gd name="connsiteX127" fmla="*/ 1210287 w 2639113"/>
                <a:gd name="connsiteY127" fmla="*/ 127063 h 2153269"/>
                <a:gd name="connsiteX128" fmla="*/ 1202105 w 2639113"/>
                <a:gd name="connsiteY128" fmla="*/ 156591 h 2153269"/>
                <a:gd name="connsiteX129" fmla="*/ 1199441 w 2639113"/>
                <a:gd name="connsiteY129" fmla="*/ 163259 h 2153269"/>
                <a:gd name="connsiteX130" fmla="*/ 1185551 w 2639113"/>
                <a:gd name="connsiteY130" fmla="*/ 190405 h 2153269"/>
                <a:gd name="connsiteX131" fmla="*/ 1181650 w 2639113"/>
                <a:gd name="connsiteY131" fmla="*/ 196596 h 2153269"/>
                <a:gd name="connsiteX132" fmla="*/ 1163193 w 2639113"/>
                <a:gd name="connsiteY132" fmla="*/ 221837 h 2153269"/>
                <a:gd name="connsiteX133" fmla="*/ 1158340 w 2639113"/>
                <a:gd name="connsiteY133" fmla="*/ 227648 h 2153269"/>
                <a:gd name="connsiteX134" fmla="*/ 1136363 w 2639113"/>
                <a:gd name="connsiteY134" fmla="*/ 252031 h 2153269"/>
                <a:gd name="connsiteX135" fmla="*/ 1130940 w 2639113"/>
                <a:gd name="connsiteY135" fmla="*/ 257651 h 2153269"/>
                <a:gd name="connsiteX136" fmla="*/ 1109153 w 2639113"/>
                <a:gd name="connsiteY136" fmla="*/ 279749 h 2153269"/>
                <a:gd name="connsiteX137" fmla="*/ 1107155 w 2639113"/>
                <a:gd name="connsiteY137" fmla="*/ 281654 h 2153269"/>
                <a:gd name="connsiteX138" fmla="*/ 1101446 w 2639113"/>
                <a:gd name="connsiteY138" fmla="*/ 287179 h 2153269"/>
                <a:gd name="connsiteX139" fmla="*/ 1057301 w 2639113"/>
                <a:gd name="connsiteY139" fmla="*/ 324326 h 2153269"/>
                <a:gd name="connsiteX140" fmla="*/ 1054637 w 2639113"/>
                <a:gd name="connsiteY140" fmla="*/ 320516 h 2153269"/>
                <a:gd name="connsiteX141" fmla="*/ 994127 w 2639113"/>
                <a:gd name="connsiteY141" fmla="*/ 207645 h 2153269"/>
                <a:gd name="connsiteX142" fmla="*/ 991273 w 2639113"/>
                <a:gd name="connsiteY142" fmla="*/ 198977 h 2153269"/>
                <a:gd name="connsiteX143" fmla="*/ 982710 w 2639113"/>
                <a:gd name="connsiteY143" fmla="*/ 163259 h 2153269"/>
                <a:gd name="connsiteX144" fmla="*/ 981473 w 2639113"/>
                <a:gd name="connsiteY144" fmla="*/ 155162 h 2153269"/>
                <a:gd name="connsiteX145" fmla="*/ 979761 w 2639113"/>
                <a:gd name="connsiteY145" fmla="*/ 123158 h 2153269"/>
                <a:gd name="connsiteX146" fmla="*/ 980046 w 2639113"/>
                <a:gd name="connsiteY146" fmla="*/ 115634 h 2153269"/>
                <a:gd name="connsiteX147" fmla="*/ 984423 w 2639113"/>
                <a:gd name="connsiteY147" fmla="*/ 84582 h 2153269"/>
                <a:gd name="connsiteX148" fmla="*/ 986231 w 2639113"/>
                <a:gd name="connsiteY148" fmla="*/ 77629 h 2153269"/>
                <a:gd name="connsiteX149" fmla="*/ 989941 w 2639113"/>
                <a:gd name="connsiteY149" fmla="*/ 64579 h 2153269"/>
                <a:gd name="connsiteX150" fmla="*/ 996125 w 2639113"/>
                <a:gd name="connsiteY150" fmla="*/ 48958 h 2153269"/>
                <a:gd name="connsiteX151" fmla="*/ 999265 w 2639113"/>
                <a:gd name="connsiteY151" fmla="*/ 42482 h 2153269"/>
                <a:gd name="connsiteX152" fmla="*/ 1018674 w 2639113"/>
                <a:gd name="connsiteY152" fmla="*/ 17145 h 2153269"/>
                <a:gd name="connsiteX153" fmla="*/ 1025143 w 2639113"/>
                <a:gd name="connsiteY153" fmla="*/ 12192 h 2153269"/>
                <a:gd name="connsiteX154" fmla="*/ 1047121 w 2639113"/>
                <a:gd name="connsiteY154" fmla="*/ 2286 h 2153269"/>
                <a:gd name="connsiteX155" fmla="*/ 1040175 w 2639113"/>
                <a:gd name="connsiteY155" fmla="*/ 0 h 2153269"/>
                <a:gd name="connsiteX156" fmla="*/ 973291 w 2639113"/>
                <a:gd name="connsiteY156" fmla="*/ 68199 h 2153269"/>
                <a:gd name="connsiteX157" fmla="*/ 963968 w 2639113"/>
                <a:gd name="connsiteY157" fmla="*/ 174403 h 2153269"/>
                <a:gd name="connsiteX158" fmla="*/ 1140549 w 2639113"/>
                <a:gd name="connsiteY158" fmla="*/ 449675 h 2153269"/>
                <a:gd name="connsiteX159" fmla="*/ 1245775 w 2639113"/>
                <a:gd name="connsiteY159" fmla="*/ 591026 h 2153269"/>
                <a:gd name="connsiteX160" fmla="*/ 1236356 w 2639113"/>
                <a:gd name="connsiteY160" fmla="*/ 633984 h 2153269"/>
                <a:gd name="connsiteX161" fmla="*/ 1200964 w 2639113"/>
                <a:gd name="connsiteY161" fmla="*/ 873347 h 2153269"/>
                <a:gd name="connsiteX162" fmla="*/ 1071667 w 2639113"/>
                <a:gd name="connsiteY162" fmla="*/ 1232535 h 2153269"/>
                <a:gd name="connsiteX163" fmla="*/ 1042839 w 2639113"/>
                <a:gd name="connsiteY163" fmla="*/ 1135285 h 2153269"/>
                <a:gd name="connsiteX164" fmla="*/ 969200 w 2639113"/>
                <a:gd name="connsiteY164" fmla="*/ 901065 h 2153269"/>
                <a:gd name="connsiteX165" fmla="*/ 815833 w 2639113"/>
                <a:gd name="connsiteY165" fmla="*/ 750570 h 2153269"/>
                <a:gd name="connsiteX166" fmla="*/ 742004 w 2639113"/>
                <a:gd name="connsiteY166" fmla="*/ 722281 h 2153269"/>
                <a:gd name="connsiteX167" fmla="*/ 730777 w 2639113"/>
                <a:gd name="connsiteY167" fmla="*/ 718757 h 2153269"/>
                <a:gd name="connsiteX168" fmla="*/ 694433 w 2639113"/>
                <a:gd name="connsiteY168" fmla="*/ 708660 h 2153269"/>
                <a:gd name="connsiteX169" fmla="*/ 689772 w 2639113"/>
                <a:gd name="connsiteY169" fmla="*/ 707422 h 2153269"/>
                <a:gd name="connsiteX170" fmla="*/ 643818 w 2639113"/>
                <a:gd name="connsiteY170" fmla="*/ 695992 h 2153269"/>
                <a:gd name="connsiteX171" fmla="*/ 646768 w 2639113"/>
                <a:gd name="connsiteY171" fmla="*/ 652843 h 2153269"/>
                <a:gd name="connsiteX172" fmla="*/ 646673 w 2639113"/>
                <a:gd name="connsiteY172" fmla="*/ 579120 h 2153269"/>
                <a:gd name="connsiteX173" fmla="*/ 646673 w 2639113"/>
                <a:gd name="connsiteY173" fmla="*/ 578834 h 2153269"/>
                <a:gd name="connsiteX174" fmla="*/ 639823 w 2639113"/>
                <a:gd name="connsiteY174" fmla="*/ 527018 h 2153269"/>
                <a:gd name="connsiteX175" fmla="*/ 620223 w 2639113"/>
                <a:gd name="connsiteY175" fmla="*/ 466154 h 2153269"/>
                <a:gd name="connsiteX176" fmla="*/ 618226 w 2639113"/>
                <a:gd name="connsiteY176" fmla="*/ 462248 h 2153269"/>
                <a:gd name="connsiteX177" fmla="*/ 601100 w 2639113"/>
                <a:gd name="connsiteY177" fmla="*/ 434150 h 2153269"/>
                <a:gd name="connsiteX178" fmla="*/ 531267 w 2639113"/>
                <a:gd name="connsiteY178" fmla="*/ 383000 h 2153269"/>
                <a:gd name="connsiteX179" fmla="*/ 529364 w 2639113"/>
                <a:gd name="connsiteY179" fmla="*/ 386525 h 2153269"/>
                <a:gd name="connsiteX180" fmla="*/ 560094 w 2639113"/>
                <a:gd name="connsiteY180" fmla="*/ 408432 h 2153269"/>
                <a:gd name="connsiteX181" fmla="*/ 565422 w 2639113"/>
                <a:gd name="connsiteY181" fmla="*/ 413195 h 2153269"/>
                <a:gd name="connsiteX182" fmla="*/ 585973 w 2639113"/>
                <a:gd name="connsiteY182" fmla="*/ 435864 h 2153269"/>
                <a:gd name="connsiteX183" fmla="*/ 590064 w 2639113"/>
                <a:gd name="connsiteY183" fmla="*/ 441770 h 2153269"/>
                <a:gd name="connsiteX184" fmla="*/ 605001 w 2639113"/>
                <a:gd name="connsiteY184" fmla="*/ 468249 h 2153269"/>
                <a:gd name="connsiteX185" fmla="*/ 607950 w 2639113"/>
                <a:gd name="connsiteY185" fmla="*/ 474821 h 2153269"/>
                <a:gd name="connsiteX186" fmla="*/ 617274 w 2639113"/>
                <a:gd name="connsiteY186" fmla="*/ 504539 h 2153269"/>
                <a:gd name="connsiteX187" fmla="*/ 619082 w 2639113"/>
                <a:gd name="connsiteY187" fmla="*/ 511778 h 2153269"/>
                <a:gd name="connsiteX188" fmla="*/ 623553 w 2639113"/>
                <a:gd name="connsiteY188" fmla="*/ 543687 h 2153269"/>
                <a:gd name="connsiteX189" fmla="*/ 624124 w 2639113"/>
                <a:gd name="connsiteY189" fmla="*/ 551593 h 2153269"/>
                <a:gd name="connsiteX190" fmla="*/ 624981 w 2639113"/>
                <a:gd name="connsiteY190" fmla="*/ 585883 h 2153269"/>
                <a:gd name="connsiteX191" fmla="*/ 624885 w 2639113"/>
                <a:gd name="connsiteY191" fmla="*/ 594170 h 2153269"/>
                <a:gd name="connsiteX192" fmla="*/ 624029 w 2639113"/>
                <a:gd name="connsiteY192" fmla="*/ 625221 h 2153269"/>
                <a:gd name="connsiteX193" fmla="*/ 623839 w 2639113"/>
                <a:gd name="connsiteY193" fmla="*/ 629317 h 2153269"/>
                <a:gd name="connsiteX194" fmla="*/ 623363 w 2639113"/>
                <a:gd name="connsiteY194" fmla="*/ 637889 h 2153269"/>
                <a:gd name="connsiteX195" fmla="*/ 617655 w 2639113"/>
                <a:gd name="connsiteY195" fmla="*/ 689896 h 2153269"/>
                <a:gd name="connsiteX196" fmla="*/ 512809 w 2639113"/>
                <a:gd name="connsiteY196" fmla="*/ 657987 h 2153269"/>
                <a:gd name="connsiteX197" fmla="*/ 504247 w 2639113"/>
                <a:gd name="connsiteY197" fmla="*/ 654653 h 2153269"/>
                <a:gd name="connsiteX198" fmla="*/ 469425 w 2639113"/>
                <a:gd name="connsiteY198" fmla="*/ 639699 h 2153269"/>
                <a:gd name="connsiteX199" fmla="*/ 461528 w 2639113"/>
                <a:gd name="connsiteY199" fmla="*/ 635984 h 2153269"/>
                <a:gd name="connsiteX200" fmla="*/ 459721 w 2639113"/>
                <a:gd name="connsiteY200" fmla="*/ 635127 h 2153269"/>
                <a:gd name="connsiteX201" fmla="*/ 432796 w 2639113"/>
                <a:gd name="connsiteY201" fmla="*/ 617887 h 2153269"/>
                <a:gd name="connsiteX202" fmla="*/ 426992 w 2639113"/>
                <a:gd name="connsiteY202" fmla="*/ 613029 h 2153269"/>
                <a:gd name="connsiteX203" fmla="*/ 404825 w 2639113"/>
                <a:gd name="connsiteY203" fmla="*/ 590645 h 2153269"/>
                <a:gd name="connsiteX204" fmla="*/ 400258 w 2639113"/>
                <a:gd name="connsiteY204" fmla="*/ 585026 h 2153269"/>
                <a:gd name="connsiteX205" fmla="*/ 383132 w 2639113"/>
                <a:gd name="connsiteY205" fmla="*/ 559880 h 2153269"/>
                <a:gd name="connsiteX206" fmla="*/ 379802 w 2639113"/>
                <a:gd name="connsiteY206" fmla="*/ 553593 h 2153269"/>
                <a:gd name="connsiteX207" fmla="*/ 366958 w 2639113"/>
                <a:gd name="connsiteY207" fmla="*/ 526542 h 2153269"/>
                <a:gd name="connsiteX208" fmla="*/ 364390 w 2639113"/>
                <a:gd name="connsiteY208" fmla="*/ 519779 h 2153269"/>
                <a:gd name="connsiteX209" fmla="*/ 352307 w 2639113"/>
                <a:gd name="connsiteY209" fmla="*/ 466058 h 2153269"/>
                <a:gd name="connsiteX210" fmla="*/ 346598 w 2639113"/>
                <a:gd name="connsiteY210" fmla="*/ 468916 h 2153269"/>
                <a:gd name="connsiteX211" fmla="*/ 445735 w 2639113"/>
                <a:gd name="connsiteY211" fmla="*/ 651320 h 2153269"/>
                <a:gd name="connsiteX212" fmla="*/ 445735 w 2639113"/>
                <a:gd name="connsiteY212" fmla="*/ 651320 h 2153269"/>
                <a:gd name="connsiteX213" fmla="*/ 524226 w 2639113"/>
                <a:gd name="connsiteY213" fmla="*/ 688181 h 2153269"/>
                <a:gd name="connsiteX214" fmla="*/ 750376 w 2639113"/>
                <a:gd name="connsiteY214" fmla="*/ 758571 h 2153269"/>
                <a:gd name="connsiteX215" fmla="*/ 889567 w 2639113"/>
                <a:gd name="connsiteY215" fmla="*/ 852583 h 2153269"/>
                <a:gd name="connsiteX216" fmla="*/ 894039 w 2639113"/>
                <a:gd name="connsiteY216" fmla="*/ 858203 h 2153269"/>
                <a:gd name="connsiteX217" fmla="*/ 911164 w 2639113"/>
                <a:gd name="connsiteY217" fmla="*/ 882587 h 2153269"/>
                <a:gd name="connsiteX218" fmla="*/ 914875 w 2639113"/>
                <a:gd name="connsiteY218" fmla="*/ 888683 h 2153269"/>
                <a:gd name="connsiteX219" fmla="*/ 929051 w 2639113"/>
                <a:gd name="connsiteY219" fmla="*/ 915924 h 2153269"/>
                <a:gd name="connsiteX220" fmla="*/ 930478 w 2639113"/>
                <a:gd name="connsiteY220" fmla="*/ 918972 h 2153269"/>
                <a:gd name="connsiteX221" fmla="*/ 931905 w 2639113"/>
                <a:gd name="connsiteY221" fmla="*/ 922592 h 2153269"/>
                <a:gd name="connsiteX222" fmla="*/ 942941 w 2639113"/>
                <a:gd name="connsiteY222" fmla="*/ 952024 h 2153269"/>
                <a:gd name="connsiteX223" fmla="*/ 945415 w 2639113"/>
                <a:gd name="connsiteY223" fmla="*/ 959072 h 2153269"/>
                <a:gd name="connsiteX224" fmla="*/ 972055 w 2639113"/>
                <a:gd name="connsiteY224" fmla="*/ 1047464 h 2153269"/>
                <a:gd name="connsiteX225" fmla="*/ 950838 w 2639113"/>
                <a:gd name="connsiteY225" fmla="*/ 1044607 h 2153269"/>
                <a:gd name="connsiteX226" fmla="*/ 945415 w 2639113"/>
                <a:gd name="connsiteY226" fmla="*/ 1043750 h 2153269"/>
                <a:gd name="connsiteX227" fmla="*/ 923533 w 2639113"/>
                <a:gd name="connsiteY227" fmla="*/ 1040320 h 2153269"/>
                <a:gd name="connsiteX228" fmla="*/ 899652 w 2639113"/>
                <a:gd name="connsiteY228" fmla="*/ 1035653 h 2153269"/>
                <a:gd name="connsiteX229" fmla="*/ 890328 w 2639113"/>
                <a:gd name="connsiteY229" fmla="*/ 1033463 h 2153269"/>
                <a:gd name="connsiteX230" fmla="*/ 854460 w 2639113"/>
                <a:gd name="connsiteY230" fmla="*/ 1022223 h 2153269"/>
                <a:gd name="connsiteX231" fmla="*/ 846564 w 2639113"/>
                <a:gd name="connsiteY231" fmla="*/ 1018985 h 2153269"/>
                <a:gd name="connsiteX232" fmla="*/ 816023 w 2639113"/>
                <a:gd name="connsiteY232" fmla="*/ 1003078 h 2153269"/>
                <a:gd name="connsiteX233" fmla="*/ 809554 w 2639113"/>
                <a:gd name="connsiteY233" fmla="*/ 998887 h 2153269"/>
                <a:gd name="connsiteX234" fmla="*/ 785103 w 2639113"/>
                <a:gd name="connsiteY234" fmla="*/ 978789 h 2153269"/>
                <a:gd name="connsiteX235" fmla="*/ 780060 w 2639113"/>
                <a:gd name="connsiteY235" fmla="*/ 973645 h 2153269"/>
                <a:gd name="connsiteX236" fmla="*/ 761508 w 2639113"/>
                <a:gd name="connsiteY236" fmla="*/ 950119 h 2153269"/>
                <a:gd name="connsiteX237" fmla="*/ 757702 w 2639113"/>
                <a:gd name="connsiteY237" fmla="*/ 944023 h 2153269"/>
                <a:gd name="connsiteX238" fmla="*/ 738198 w 2639113"/>
                <a:gd name="connsiteY238" fmla="*/ 901351 h 2153269"/>
                <a:gd name="connsiteX239" fmla="*/ 734393 w 2639113"/>
                <a:gd name="connsiteY239" fmla="*/ 902494 h 2153269"/>
                <a:gd name="connsiteX240" fmla="*/ 769500 w 2639113"/>
                <a:gd name="connsiteY240" fmla="*/ 981742 h 2153269"/>
                <a:gd name="connsiteX241" fmla="*/ 851987 w 2639113"/>
                <a:gd name="connsiteY241" fmla="*/ 1039463 h 2153269"/>
                <a:gd name="connsiteX242" fmla="*/ 858932 w 2639113"/>
                <a:gd name="connsiteY242" fmla="*/ 1042321 h 2153269"/>
                <a:gd name="connsiteX243" fmla="*/ 874155 w 2639113"/>
                <a:gd name="connsiteY243" fmla="*/ 1048322 h 2153269"/>
                <a:gd name="connsiteX244" fmla="*/ 937328 w 2639113"/>
                <a:gd name="connsiteY244" fmla="*/ 1066133 h 2153269"/>
                <a:gd name="connsiteX245" fmla="*/ 941609 w 2639113"/>
                <a:gd name="connsiteY245" fmla="*/ 1067086 h 2153269"/>
                <a:gd name="connsiteX246" fmla="*/ 973291 w 2639113"/>
                <a:gd name="connsiteY246" fmla="*/ 1073087 h 2153269"/>
                <a:gd name="connsiteX247" fmla="*/ 979285 w 2639113"/>
                <a:gd name="connsiteY247" fmla="*/ 1074134 h 2153269"/>
                <a:gd name="connsiteX248" fmla="*/ 1010396 w 2639113"/>
                <a:gd name="connsiteY248" fmla="*/ 1200055 h 2153269"/>
                <a:gd name="connsiteX249" fmla="*/ 1129037 w 2639113"/>
                <a:gd name="connsiteY249" fmla="*/ 1564577 h 2153269"/>
                <a:gd name="connsiteX250" fmla="*/ 1111817 w 2639113"/>
                <a:gd name="connsiteY250" fmla="*/ 1575911 h 2153269"/>
                <a:gd name="connsiteX251" fmla="*/ 744573 w 2639113"/>
                <a:gd name="connsiteY251" fmla="*/ 1981105 h 2153269"/>
                <a:gd name="connsiteX252" fmla="*/ 601481 w 2639113"/>
                <a:gd name="connsiteY252" fmla="*/ 1900428 h 2153269"/>
                <a:gd name="connsiteX253" fmla="*/ 308447 w 2639113"/>
                <a:gd name="connsiteY253" fmla="*/ 1640681 h 2153269"/>
                <a:gd name="connsiteX254" fmla="*/ 103228 w 2639113"/>
                <a:gd name="connsiteY254" fmla="*/ 1304639 h 2153269"/>
                <a:gd name="connsiteX255" fmla="*/ 5804 w 2639113"/>
                <a:gd name="connsiteY255" fmla="*/ 913924 h 2153269"/>
                <a:gd name="connsiteX256" fmla="*/ 476 w 2639113"/>
                <a:gd name="connsiteY256" fmla="*/ 810578 h 2153269"/>
                <a:gd name="connsiteX257" fmla="*/ 0 w 2639113"/>
                <a:gd name="connsiteY257" fmla="*/ 817626 h 2153269"/>
                <a:gd name="connsiteX258" fmla="*/ 60224 w 2639113"/>
                <a:gd name="connsiteY258" fmla="*/ 1227296 h 2153269"/>
                <a:gd name="connsiteX259" fmla="*/ 237852 w 2639113"/>
                <a:gd name="connsiteY259" fmla="*/ 1588770 h 2153269"/>
                <a:gd name="connsiteX260" fmla="*/ 511097 w 2639113"/>
                <a:gd name="connsiteY260" fmla="*/ 1876235 h 2153269"/>
                <a:gd name="connsiteX261" fmla="*/ 861596 w 2639113"/>
                <a:gd name="connsiteY261" fmla="*/ 2071497 h 2153269"/>
                <a:gd name="connsiteX262" fmla="*/ 1267562 w 2639113"/>
                <a:gd name="connsiteY262" fmla="*/ 2152269 h 2153269"/>
                <a:gd name="connsiteX263" fmla="*/ 1683423 w 2639113"/>
                <a:gd name="connsiteY263" fmla="*/ 2102453 h 2153269"/>
                <a:gd name="connsiteX264" fmla="*/ 2047908 w 2639113"/>
                <a:gd name="connsiteY264" fmla="*/ 1934051 h 2153269"/>
                <a:gd name="connsiteX265" fmla="*/ 2342940 w 2639113"/>
                <a:gd name="connsiteY265" fmla="*/ 1666304 h 2153269"/>
                <a:gd name="connsiteX266" fmla="*/ 2545970 w 2639113"/>
                <a:gd name="connsiteY266" fmla="*/ 1320546 h 2153269"/>
                <a:gd name="connsiteX267" fmla="*/ 2636069 w 2639113"/>
                <a:gd name="connsiteY267" fmla="*/ 920591 h 2153269"/>
                <a:gd name="connsiteX268" fmla="*/ 2639113 w 2639113"/>
                <a:gd name="connsiteY268" fmla="*/ 817626 h 2153269"/>
                <a:gd name="connsiteX269" fmla="*/ 2638733 w 2639113"/>
                <a:gd name="connsiteY269" fmla="*/ 808292 h 215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Lst>
              <a:rect l="l" t="t" r="r" b="b"/>
              <a:pathLst>
                <a:path w="2639113" h="2153269">
                  <a:moveTo>
                    <a:pt x="2638923" y="807911"/>
                  </a:moveTo>
                  <a:cubicBezTo>
                    <a:pt x="2638542" y="945261"/>
                    <a:pt x="2614186" y="1083564"/>
                    <a:pt x="2570422" y="1213580"/>
                  </a:cubicBezTo>
                  <a:cubicBezTo>
                    <a:pt x="2528274" y="1339025"/>
                    <a:pt x="2466908" y="1457897"/>
                    <a:pt x="2389464" y="1565053"/>
                  </a:cubicBezTo>
                  <a:cubicBezTo>
                    <a:pt x="2312685" y="1671257"/>
                    <a:pt x="2220208" y="1765935"/>
                    <a:pt x="2115934" y="1845088"/>
                  </a:cubicBezTo>
                  <a:cubicBezTo>
                    <a:pt x="2010708" y="1924907"/>
                    <a:pt x="1893589" y="1988820"/>
                    <a:pt x="1769526" y="2033873"/>
                  </a:cubicBezTo>
                  <a:cubicBezTo>
                    <a:pt x="1641942" y="2080165"/>
                    <a:pt x="1507317" y="2106359"/>
                    <a:pt x="1371837" y="2111597"/>
                  </a:cubicBezTo>
                  <a:cubicBezTo>
                    <a:pt x="1290872" y="2114741"/>
                    <a:pt x="1209717" y="2110264"/>
                    <a:pt x="1129608" y="2098739"/>
                  </a:cubicBezTo>
                  <a:cubicBezTo>
                    <a:pt x="1119618" y="2069973"/>
                    <a:pt x="1116193" y="2025682"/>
                    <a:pt x="1110580" y="1974723"/>
                  </a:cubicBezTo>
                  <a:cubicBezTo>
                    <a:pt x="1098687" y="1867091"/>
                    <a:pt x="1117810" y="1764697"/>
                    <a:pt x="1277267" y="1615440"/>
                  </a:cubicBezTo>
                  <a:cubicBezTo>
                    <a:pt x="1410274" y="1490948"/>
                    <a:pt x="1766481" y="1325404"/>
                    <a:pt x="1887881" y="1253300"/>
                  </a:cubicBezTo>
                  <a:cubicBezTo>
                    <a:pt x="1917565" y="1235678"/>
                    <a:pt x="1942682" y="1218152"/>
                    <a:pt x="1964755" y="1200436"/>
                  </a:cubicBezTo>
                  <a:cubicBezTo>
                    <a:pt x="1966562" y="1199007"/>
                    <a:pt x="1968370" y="1197578"/>
                    <a:pt x="1970083" y="1196054"/>
                  </a:cubicBezTo>
                  <a:cubicBezTo>
                    <a:pt x="1982356" y="1185863"/>
                    <a:pt x="1993677" y="1175480"/>
                    <a:pt x="2004333" y="1164908"/>
                  </a:cubicBezTo>
                  <a:cubicBezTo>
                    <a:pt x="2006046" y="1163193"/>
                    <a:pt x="2007758" y="1161574"/>
                    <a:pt x="2009376" y="1159859"/>
                  </a:cubicBezTo>
                  <a:cubicBezTo>
                    <a:pt x="2028214" y="1140524"/>
                    <a:pt x="2044768" y="1120331"/>
                    <a:pt x="2060657" y="1098709"/>
                  </a:cubicBezTo>
                  <a:cubicBezTo>
                    <a:pt x="2079114" y="1073849"/>
                    <a:pt x="2095193" y="1047274"/>
                    <a:pt x="2110796" y="1020318"/>
                  </a:cubicBezTo>
                  <a:cubicBezTo>
                    <a:pt x="2111557" y="1019080"/>
                    <a:pt x="2112223" y="1017842"/>
                    <a:pt x="2112984" y="1016603"/>
                  </a:cubicBezTo>
                  <a:cubicBezTo>
                    <a:pt x="2131727" y="984123"/>
                    <a:pt x="2149994" y="951262"/>
                    <a:pt x="2171020" y="920401"/>
                  </a:cubicBezTo>
                  <a:cubicBezTo>
                    <a:pt x="2247989" y="805625"/>
                    <a:pt x="2349885" y="705612"/>
                    <a:pt x="2475566" y="645700"/>
                  </a:cubicBezTo>
                  <a:cubicBezTo>
                    <a:pt x="2343891" y="695039"/>
                    <a:pt x="2233718" y="793528"/>
                    <a:pt x="2151516" y="906685"/>
                  </a:cubicBezTo>
                  <a:cubicBezTo>
                    <a:pt x="2131441" y="933926"/>
                    <a:pt x="2111557" y="965168"/>
                    <a:pt x="2090531" y="996220"/>
                  </a:cubicBezTo>
                  <a:cubicBezTo>
                    <a:pt x="2089199" y="998220"/>
                    <a:pt x="2087867" y="1000125"/>
                    <a:pt x="2086440" y="1002125"/>
                  </a:cubicBezTo>
                  <a:cubicBezTo>
                    <a:pt x="2080731" y="1010412"/>
                    <a:pt x="2075023" y="1018699"/>
                    <a:pt x="2069124" y="1026890"/>
                  </a:cubicBezTo>
                  <a:cubicBezTo>
                    <a:pt x="2067697" y="1028795"/>
                    <a:pt x="2066270" y="1030700"/>
                    <a:pt x="2064938" y="1032701"/>
                  </a:cubicBezTo>
                  <a:cubicBezTo>
                    <a:pt x="2058944" y="1040892"/>
                    <a:pt x="2052855" y="1048988"/>
                    <a:pt x="2046576" y="1056894"/>
                  </a:cubicBezTo>
                  <a:cubicBezTo>
                    <a:pt x="2045054" y="1058799"/>
                    <a:pt x="2043531" y="1060609"/>
                    <a:pt x="2042009" y="1062419"/>
                  </a:cubicBezTo>
                  <a:cubicBezTo>
                    <a:pt x="2035540" y="1070324"/>
                    <a:pt x="2029070" y="1077944"/>
                    <a:pt x="2022220" y="1085279"/>
                  </a:cubicBezTo>
                  <a:cubicBezTo>
                    <a:pt x="2020602" y="1086993"/>
                    <a:pt x="2018890" y="1088708"/>
                    <a:pt x="2017177" y="1090422"/>
                  </a:cubicBezTo>
                  <a:cubicBezTo>
                    <a:pt x="2009947" y="1097947"/>
                    <a:pt x="2002526" y="1104995"/>
                    <a:pt x="1994914" y="1111568"/>
                  </a:cubicBezTo>
                  <a:cubicBezTo>
                    <a:pt x="1993107" y="1113187"/>
                    <a:pt x="1991204" y="1114616"/>
                    <a:pt x="1989301" y="1116140"/>
                  </a:cubicBezTo>
                  <a:cubicBezTo>
                    <a:pt x="1982926" y="1121378"/>
                    <a:pt x="1976362" y="1126331"/>
                    <a:pt x="1969607" y="1130808"/>
                  </a:cubicBezTo>
                  <a:cubicBezTo>
                    <a:pt x="1954194" y="1141000"/>
                    <a:pt x="1939352" y="1150430"/>
                    <a:pt x="1924700" y="1159288"/>
                  </a:cubicBezTo>
                  <a:cubicBezTo>
                    <a:pt x="1922417" y="1146905"/>
                    <a:pt x="1920039" y="1132808"/>
                    <a:pt x="1918897" y="1120997"/>
                  </a:cubicBezTo>
                  <a:cubicBezTo>
                    <a:pt x="1915091" y="1082326"/>
                    <a:pt x="1911666" y="1043083"/>
                    <a:pt x="1917089" y="1005650"/>
                  </a:cubicBezTo>
                  <a:cubicBezTo>
                    <a:pt x="1917470" y="1002887"/>
                    <a:pt x="1917945" y="1000030"/>
                    <a:pt x="1918421" y="997268"/>
                  </a:cubicBezTo>
                  <a:cubicBezTo>
                    <a:pt x="1920419" y="986409"/>
                    <a:pt x="1923273" y="975741"/>
                    <a:pt x="1927079" y="965359"/>
                  </a:cubicBezTo>
                  <a:cubicBezTo>
                    <a:pt x="1927935" y="962978"/>
                    <a:pt x="1928887" y="960692"/>
                    <a:pt x="1929838" y="958406"/>
                  </a:cubicBezTo>
                  <a:cubicBezTo>
                    <a:pt x="1933739" y="949166"/>
                    <a:pt x="1938496" y="940118"/>
                    <a:pt x="1944299" y="931259"/>
                  </a:cubicBezTo>
                  <a:cubicBezTo>
                    <a:pt x="1945631" y="929259"/>
                    <a:pt x="1946963" y="927259"/>
                    <a:pt x="1948390" y="925354"/>
                  </a:cubicBezTo>
                  <a:cubicBezTo>
                    <a:pt x="1954099" y="917353"/>
                    <a:pt x="1960664" y="909638"/>
                    <a:pt x="1968275" y="902113"/>
                  </a:cubicBezTo>
                  <a:cubicBezTo>
                    <a:pt x="1969987" y="900493"/>
                    <a:pt x="1971700" y="898779"/>
                    <a:pt x="1973508" y="897160"/>
                  </a:cubicBezTo>
                  <a:cubicBezTo>
                    <a:pt x="1982070" y="889254"/>
                    <a:pt x="1991775" y="881634"/>
                    <a:pt x="2002906" y="874395"/>
                  </a:cubicBezTo>
                  <a:lnTo>
                    <a:pt x="2000813" y="870966"/>
                  </a:lnTo>
                  <a:cubicBezTo>
                    <a:pt x="1976647" y="881634"/>
                    <a:pt x="1951245" y="899636"/>
                    <a:pt x="1933453" y="925449"/>
                  </a:cubicBezTo>
                  <a:cubicBezTo>
                    <a:pt x="1915281" y="951167"/>
                    <a:pt x="1901962" y="983456"/>
                    <a:pt x="1898251" y="1019366"/>
                  </a:cubicBezTo>
                  <a:cubicBezTo>
                    <a:pt x="1893209" y="1068134"/>
                    <a:pt x="1894160" y="1107377"/>
                    <a:pt x="1898251" y="1146143"/>
                  </a:cubicBezTo>
                  <a:cubicBezTo>
                    <a:pt x="1899107" y="1154335"/>
                    <a:pt x="1900249" y="1164431"/>
                    <a:pt x="1901391" y="1173194"/>
                  </a:cubicBezTo>
                  <a:cubicBezTo>
                    <a:pt x="1824802" y="1217676"/>
                    <a:pt x="1751829" y="1249394"/>
                    <a:pt x="1640229" y="1297115"/>
                  </a:cubicBezTo>
                  <a:cubicBezTo>
                    <a:pt x="1620059" y="1305782"/>
                    <a:pt x="1588948" y="1318832"/>
                    <a:pt x="1549750" y="1336358"/>
                  </a:cubicBezTo>
                  <a:cubicBezTo>
                    <a:pt x="1491238" y="1235202"/>
                    <a:pt x="1474684" y="971455"/>
                    <a:pt x="1648887" y="869633"/>
                  </a:cubicBezTo>
                  <a:cubicBezTo>
                    <a:pt x="1734419" y="819817"/>
                    <a:pt x="1822900" y="745998"/>
                    <a:pt x="1852298" y="649034"/>
                  </a:cubicBezTo>
                  <a:cubicBezTo>
                    <a:pt x="1882268" y="553784"/>
                    <a:pt x="1869709" y="448151"/>
                    <a:pt x="1825659" y="360140"/>
                  </a:cubicBezTo>
                  <a:lnTo>
                    <a:pt x="1822900" y="361474"/>
                  </a:lnTo>
                  <a:cubicBezTo>
                    <a:pt x="1842403" y="422910"/>
                    <a:pt x="1851061" y="460534"/>
                    <a:pt x="1851061" y="518351"/>
                  </a:cubicBezTo>
                  <a:cubicBezTo>
                    <a:pt x="1851061" y="664178"/>
                    <a:pt x="1776471" y="765048"/>
                    <a:pt x="1655166" y="835628"/>
                  </a:cubicBezTo>
                  <a:cubicBezTo>
                    <a:pt x="1638992" y="812673"/>
                    <a:pt x="1607215" y="765620"/>
                    <a:pt x="1586379" y="724281"/>
                  </a:cubicBezTo>
                  <a:cubicBezTo>
                    <a:pt x="1593705" y="720471"/>
                    <a:pt x="1612258" y="710756"/>
                    <a:pt x="1624911" y="703231"/>
                  </a:cubicBezTo>
                  <a:cubicBezTo>
                    <a:pt x="1663539" y="680466"/>
                    <a:pt x="1694269" y="661130"/>
                    <a:pt x="1727093" y="629603"/>
                  </a:cubicBezTo>
                  <a:cubicBezTo>
                    <a:pt x="1749451" y="608457"/>
                    <a:pt x="1773997" y="576548"/>
                    <a:pt x="1784463" y="546830"/>
                  </a:cubicBezTo>
                  <a:cubicBezTo>
                    <a:pt x="1795214" y="517398"/>
                    <a:pt x="1794928" y="486347"/>
                    <a:pt x="1789886" y="460343"/>
                  </a:cubicBezTo>
                  <a:lnTo>
                    <a:pt x="1785890" y="460629"/>
                  </a:lnTo>
                  <a:cubicBezTo>
                    <a:pt x="1786461" y="476060"/>
                    <a:pt x="1785509" y="490347"/>
                    <a:pt x="1783321" y="503492"/>
                  </a:cubicBezTo>
                  <a:cubicBezTo>
                    <a:pt x="1782940" y="505968"/>
                    <a:pt x="1782274" y="508349"/>
                    <a:pt x="1781799" y="510730"/>
                  </a:cubicBezTo>
                  <a:cubicBezTo>
                    <a:pt x="1779706" y="521113"/>
                    <a:pt x="1776851" y="530924"/>
                    <a:pt x="1773236" y="539972"/>
                  </a:cubicBezTo>
                  <a:cubicBezTo>
                    <a:pt x="1772380" y="542258"/>
                    <a:pt x="1771333" y="544354"/>
                    <a:pt x="1770382" y="546545"/>
                  </a:cubicBezTo>
                  <a:cubicBezTo>
                    <a:pt x="1766100" y="555974"/>
                    <a:pt x="1761153" y="564833"/>
                    <a:pt x="1755540" y="573024"/>
                  </a:cubicBezTo>
                  <a:cubicBezTo>
                    <a:pt x="1754208" y="575024"/>
                    <a:pt x="1752781" y="577025"/>
                    <a:pt x="1751354" y="578930"/>
                  </a:cubicBezTo>
                  <a:cubicBezTo>
                    <a:pt x="1745074" y="587407"/>
                    <a:pt x="1738129" y="595217"/>
                    <a:pt x="1730708" y="602552"/>
                  </a:cubicBezTo>
                  <a:cubicBezTo>
                    <a:pt x="1728900" y="604361"/>
                    <a:pt x="1727093" y="606076"/>
                    <a:pt x="1725285" y="607790"/>
                  </a:cubicBezTo>
                  <a:cubicBezTo>
                    <a:pt x="1717293" y="615220"/>
                    <a:pt x="1708731" y="622078"/>
                    <a:pt x="1699978" y="628460"/>
                  </a:cubicBezTo>
                  <a:cubicBezTo>
                    <a:pt x="1697789" y="630079"/>
                    <a:pt x="1695601" y="631603"/>
                    <a:pt x="1693413" y="633127"/>
                  </a:cubicBezTo>
                  <a:cubicBezTo>
                    <a:pt x="1683899" y="639794"/>
                    <a:pt x="1674099" y="646176"/>
                    <a:pt x="1664300" y="652082"/>
                  </a:cubicBezTo>
                  <a:cubicBezTo>
                    <a:pt x="1661921" y="653510"/>
                    <a:pt x="1659543" y="654939"/>
                    <a:pt x="1657069" y="656463"/>
                  </a:cubicBezTo>
                  <a:cubicBezTo>
                    <a:pt x="1650029" y="660654"/>
                    <a:pt x="1642988" y="664750"/>
                    <a:pt x="1636138" y="668845"/>
                  </a:cubicBezTo>
                  <a:cubicBezTo>
                    <a:pt x="1615968" y="680657"/>
                    <a:pt x="1586189" y="694563"/>
                    <a:pt x="1575153" y="699611"/>
                  </a:cubicBezTo>
                  <a:cubicBezTo>
                    <a:pt x="1574582" y="698183"/>
                    <a:pt x="1574011" y="696754"/>
                    <a:pt x="1573440" y="695325"/>
                  </a:cubicBezTo>
                  <a:cubicBezTo>
                    <a:pt x="1557552" y="652939"/>
                    <a:pt x="1542519" y="604171"/>
                    <a:pt x="1540617" y="554736"/>
                  </a:cubicBezTo>
                  <a:cubicBezTo>
                    <a:pt x="1540521" y="551974"/>
                    <a:pt x="1540426" y="549307"/>
                    <a:pt x="1540331" y="546545"/>
                  </a:cubicBezTo>
                  <a:cubicBezTo>
                    <a:pt x="1540331" y="535781"/>
                    <a:pt x="1540807" y="524923"/>
                    <a:pt x="1542139" y="514160"/>
                  </a:cubicBezTo>
                  <a:cubicBezTo>
                    <a:pt x="1542424" y="511683"/>
                    <a:pt x="1542995" y="509206"/>
                    <a:pt x="1543376" y="506730"/>
                  </a:cubicBezTo>
                  <a:cubicBezTo>
                    <a:pt x="1545088" y="496348"/>
                    <a:pt x="1547467" y="486061"/>
                    <a:pt x="1550797" y="475869"/>
                  </a:cubicBezTo>
                  <a:cubicBezTo>
                    <a:pt x="1551558" y="473583"/>
                    <a:pt x="1552319" y="471297"/>
                    <a:pt x="1553175" y="469106"/>
                  </a:cubicBezTo>
                  <a:cubicBezTo>
                    <a:pt x="1556600" y="459962"/>
                    <a:pt x="1560691" y="450818"/>
                    <a:pt x="1565734" y="441865"/>
                  </a:cubicBezTo>
                  <a:cubicBezTo>
                    <a:pt x="1566875" y="439769"/>
                    <a:pt x="1568017" y="437769"/>
                    <a:pt x="1569254" y="435674"/>
                  </a:cubicBezTo>
                  <a:cubicBezTo>
                    <a:pt x="1570110" y="434245"/>
                    <a:pt x="1570871" y="432721"/>
                    <a:pt x="1571728" y="431292"/>
                  </a:cubicBezTo>
                  <a:cubicBezTo>
                    <a:pt x="1576865" y="423196"/>
                    <a:pt x="1582098" y="416433"/>
                    <a:pt x="1587331" y="410718"/>
                  </a:cubicBezTo>
                  <a:cubicBezTo>
                    <a:pt x="1589043" y="408813"/>
                    <a:pt x="1590851" y="407003"/>
                    <a:pt x="1592563" y="405384"/>
                  </a:cubicBezTo>
                  <a:cubicBezTo>
                    <a:pt x="1608452" y="390430"/>
                    <a:pt x="1624911" y="385096"/>
                    <a:pt x="1642227" y="384620"/>
                  </a:cubicBezTo>
                  <a:lnTo>
                    <a:pt x="1636043" y="380714"/>
                  </a:lnTo>
                  <a:cubicBezTo>
                    <a:pt x="1616349" y="381857"/>
                    <a:pt x="1598272" y="389573"/>
                    <a:pt x="1582954" y="401098"/>
                  </a:cubicBezTo>
                  <a:cubicBezTo>
                    <a:pt x="1582003" y="401860"/>
                    <a:pt x="1580956" y="402431"/>
                    <a:pt x="1580005" y="403193"/>
                  </a:cubicBezTo>
                  <a:cubicBezTo>
                    <a:pt x="1570205" y="411004"/>
                    <a:pt x="1561643" y="420434"/>
                    <a:pt x="1554792" y="430816"/>
                  </a:cubicBezTo>
                  <a:cubicBezTo>
                    <a:pt x="1542900" y="448913"/>
                    <a:pt x="1532339" y="474250"/>
                    <a:pt x="1526155" y="498157"/>
                  </a:cubicBezTo>
                  <a:cubicBezTo>
                    <a:pt x="1525584" y="500444"/>
                    <a:pt x="1524918" y="502730"/>
                    <a:pt x="1524443" y="505016"/>
                  </a:cubicBezTo>
                  <a:cubicBezTo>
                    <a:pt x="1522254" y="514445"/>
                    <a:pt x="1520827" y="523494"/>
                    <a:pt x="1520352" y="531686"/>
                  </a:cubicBezTo>
                  <a:cubicBezTo>
                    <a:pt x="1516546" y="597503"/>
                    <a:pt x="1530056" y="652177"/>
                    <a:pt x="1552319" y="704279"/>
                  </a:cubicBezTo>
                  <a:cubicBezTo>
                    <a:pt x="1555459" y="711613"/>
                    <a:pt x="1558789" y="718947"/>
                    <a:pt x="1562214" y="726281"/>
                  </a:cubicBezTo>
                  <a:cubicBezTo>
                    <a:pt x="1574582" y="752094"/>
                    <a:pt x="1588758" y="777621"/>
                    <a:pt x="1604076" y="803910"/>
                  </a:cubicBezTo>
                  <a:cubicBezTo>
                    <a:pt x="1604741" y="805148"/>
                    <a:pt x="1605503" y="806387"/>
                    <a:pt x="1606264" y="807625"/>
                  </a:cubicBezTo>
                  <a:cubicBezTo>
                    <a:pt x="1612733" y="818674"/>
                    <a:pt x="1619298" y="829913"/>
                    <a:pt x="1625958" y="841343"/>
                  </a:cubicBezTo>
                  <a:cubicBezTo>
                    <a:pt x="1627195" y="843629"/>
                    <a:pt x="1628907" y="846677"/>
                    <a:pt x="1630715" y="849820"/>
                  </a:cubicBezTo>
                  <a:cubicBezTo>
                    <a:pt x="1445761" y="962216"/>
                    <a:pt x="1447664" y="1116140"/>
                    <a:pt x="1460793" y="1377601"/>
                  </a:cubicBezTo>
                  <a:cubicBezTo>
                    <a:pt x="1393053" y="1410272"/>
                    <a:pt x="1313040" y="1451801"/>
                    <a:pt x="1227793" y="1502378"/>
                  </a:cubicBezTo>
                  <a:cubicBezTo>
                    <a:pt x="1178891" y="1464469"/>
                    <a:pt x="1140454" y="1400270"/>
                    <a:pt x="1111436" y="1335500"/>
                  </a:cubicBezTo>
                  <a:cubicBezTo>
                    <a:pt x="1192877" y="1207389"/>
                    <a:pt x="1226652" y="1078992"/>
                    <a:pt x="1252245" y="852773"/>
                  </a:cubicBezTo>
                  <a:cubicBezTo>
                    <a:pt x="1282309" y="587407"/>
                    <a:pt x="1298293" y="493871"/>
                    <a:pt x="1401901" y="399764"/>
                  </a:cubicBezTo>
                  <a:cubicBezTo>
                    <a:pt x="1449091" y="356902"/>
                    <a:pt x="1542710" y="281369"/>
                    <a:pt x="1587616" y="243554"/>
                  </a:cubicBezTo>
                  <a:cubicBezTo>
                    <a:pt x="1633855" y="206311"/>
                    <a:pt x="1699216" y="138398"/>
                    <a:pt x="1737558" y="94393"/>
                  </a:cubicBezTo>
                  <a:lnTo>
                    <a:pt x="1716627" y="112967"/>
                  </a:lnTo>
                  <a:cubicBezTo>
                    <a:pt x="1674575" y="153448"/>
                    <a:pt x="1633379" y="188976"/>
                    <a:pt x="1587140" y="223171"/>
                  </a:cubicBezTo>
                  <a:cubicBezTo>
                    <a:pt x="1540521" y="258318"/>
                    <a:pt x="1486672" y="294989"/>
                    <a:pt x="1423784" y="341757"/>
                  </a:cubicBezTo>
                  <a:cubicBezTo>
                    <a:pt x="1416648" y="347091"/>
                    <a:pt x="1409798" y="352330"/>
                    <a:pt x="1403233" y="357664"/>
                  </a:cubicBezTo>
                  <a:cubicBezTo>
                    <a:pt x="1397334" y="362331"/>
                    <a:pt x="1391721" y="366998"/>
                    <a:pt x="1386298" y="371570"/>
                  </a:cubicBezTo>
                  <a:cubicBezTo>
                    <a:pt x="1368887" y="386334"/>
                    <a:pt x="1353665" y="400812"/>
                    <a:pt x="1340345" y="415004"/>
                  </a:cubicBezTo>
                  <a:cubicBezTo>
                    <a:pt x="1339489" y="415957"/>
                    <a:pt x="1338537" y="416909"/>
                    <a:pt x="1337586" y="417862"/>
                  </a:cubicBezTo>
                  <a:cubicBezTo>
                    <a:pt x="1298483" y="460248"/>
                    <a:pt x="1275554" y="501110"/>
                    <a:pt x="1260331" y="543306"/>
                  </a:cubicBezTo>
                  <a:cubicBezTo>
                    <a:pt x="1206101" y="453295"/>
                    <a:pt x="1131511" y="415004"/>
                    <a:pt x="1073950" y="345662"/>
                  </a:cubicBezTo>
                  <a:cubicBezTo>
                    <a:pt x="1079849" y="340519"/>
                    <a:pt x="1095833" y="326231"/>
                    <a:pt x="1106679" y="315659"/>
                  </a:cubicBezTo>
                  <a:cubicBezTo>
                    <a:pt x="1138741" y="284321"/>
                    <a:pt x="1163954" y="258223"/>
                    <a:pt x="1188215" y="219647"/>
                  </a:cubicBezTo>
                  <a:cubicBezTo>
                    <a:pt x="1204864" y="193739"/>
                    <a:pt x="1222085" y="156972"/>
                    <a:pt x="1224083" y="125539"/>
                  </a:cubicBezTo>
                  <a:cubicBezTo>
                    <a:pt x="1224939" y="112490"/>
                    <a:pt x="1224273" y="100108"/>
                    <a:pt x="1222370" y="88106"/>
                  </a:cubicBezTo>
                  <a:cubicBezTo>
                    <a:pt x="1222180" y="87058"/>
                    <a:pt x="1222085" y="85915"/>
                    <a:pt x="1221895" y="84868"/>
                  </a:cubicBezTo>
                  <a:cubicBezTo>
                    <a:pt x="1219326" y="70009"/>
                    <a:pt x="1214854" y="55435"/>
                    <a:pt x="1208670" y="40291"/>
                  </a:cubicBezTo>
                  <a:lnTo>
                    <a:pt x="1204864" y="41529"/>
                  </a:lnTo>
                  <a:cubicBezTo>
                    <a:pt x="1208765" y="55245"/>
                    <a:pt x="1211144" y="68199"/>
                    <a:pt x="1212285" y="80677"/>
                  </a:cubicBezTo>
                  <a:cubicBezTo>
                    <a:pt x="1212476" y="83344"/>
                    <a:pt x="1212666" y="85915"/>
                    <a:pt x="1212761" y="88487"/>
                  </a:cubicBezTo>
                  <a:cubicBezTo>
                    <a:pt x="1213237" y="99441"/>
                    <a:pt x="1212761" y="109919"/>
                    <a:pt x="1211429" y="119920"/>
                  </a:cubicBezTo>
                  <a:cubicBezTo>
                    <a:pt x="1211144" y="122301"/>
                    <a:pt x="1210668" y="124777"/>
                    <a:pt x="1210287" y="127063"/>
                  </a:cubicBezTo>
                  <a:cubicBezTo>
                    <a:pt x="1208385" y="137350"/>
                    <a:pt x="1205625" y="147161"/>
                    <a:pt x="1202105" y="156591"/>
                  </a:cubicBezTo>
                  <a:cubicBezTo>
                    <a:pt x="1201249" y="158782"/>
                    <a:pt x="1200393" y="161068"/>
                    <a:pt x="1199441" y="163259"/>
                  </a:cubicBezTo>
                  <a:cubicBezTo>
                    <a:pt x="1195445" y="172688"/>
                    <a:pt x="1190783" y="181737"/>
                    <a:pt x="1185551" y="190405"/>
                  </a:cubicBezTo>
                  <a:cubicBezTo>
                    <a:pt x="1184314" y="192500"/>
                    <a:pt x="1182982" y="194596"/>
                    <a:pt x="1181650" y="196596"/>
                  </a:cubicBezTo>
                  <a:cubicBezTo>
                    <a:pt x="1175942" y="205359"/>
                    <a:pt x="1169757" y="213741"/>
                    <a:pt x="1163193" y="221837"/>
                  </a:cubicBezTo>
                  <a:cubicBezTo>
                    <a:pt x="1161575" y="223837"/>
                    <a:pt x="1159958" y="225743"/>
                    <a:pt x="1158340" y="227648"/>
                  </a:cubicBezTo>
                  <a:cubicBezTo>
                    <a:pt x="1151205" y="236125"/>
                    <a:pt x="1143784" y="244221"/>
                    <a:pt x="1136363" y="252031"/>
                  </a:cubicBezTo>
                  <a:cubicBezTo>
                    <a:pt x="1134555" y="253936"/>
                    <a:pt x="1132748" y="255746"/>
                    <a:pt x="1130940" y="257651"/>
                  </a:cubicBezTo>
                  <a:cubicBezTo>
                    <a:pt x="1123614" y="265271"/>
                    <a:pt x="1116193" y="272605"/>
                    <a:pt x="1109153" y="279749"/>
                  </a:cubicBezTo>
                  <a:cubicBezTo>
                    <a:pt x="1108487" y="280416"/>
                    <a:pt x="1107821" y="281083"/>
                    <a:pt x="1107155" y="281654"/>
                  </a:cubicBezTo>
                  <a:cubicBezTo>
                    <a:pt x="1105347" y="283464"/>
                    <a:pt x="1103444" y="285274"/>
                    <a:pt x="1101446" y="287179"/>
                  </a:cubicBezTo>
                  <a:cubicBezTo>
                    <a:pt x="1085558" y="302038"/>
                    <a:pt x="1065578" y="317849"/>
                    <a:pt x="1057301" y="324326"/>
                  </a:cubicBezTo>
                  <a:cubicBezTo>
                    <a:pt x="1056445" y="323088"/>
                    <a:pt x="1055493" y="321850"/>
                    <a:pt x="1054637" y="320516"/>
                  </a:cubicBezTo>
                  <a:cubicBezTo>
                    <a:pt x="1031898" y="287369"/>
                    <a:pt x="1008589" y="249079"/>
                    <a:pt x="994127" y="207645"/>
                  </a:cubicBezTo>
                  <a:cubicBezTo>
                    <a:pt x="993081" y="204787"/>
                    <a:pt x="992129" y="201930"/>
                    <a:pt x="991273" y="198977"/>
                  </a:cubicBezTo>
                  <a:cubicBezTo>
                    <a:pt x="987562" y="187261"/>
                    <a:pt x="984708" y="175355"/>
                    <a:pt x="982710" y="163259"/>
                  </a:cubicBezTo>
                  <a:cubicBezTo>
                    <a:pt x="982235" y="160592"/>
                    <a:pt x="981759" y="157924"/>
                    <a:pt x="981473" y="155162"/>
                  </a:cubicBezTo>
                  <a:cubicBezTo>
                    <a:pt x="980142" y="144590"/>
                    <a:pt x="979571" y="133922"/>
                    <a:pt x="979761" y="123158"/>
                  </a:cubicBezTo>
                  <a:cubicBezTo>
                    <a:pt x="979761" y="120682"/>
                    <a:pt x="979761" y="118205"/>
                    <a:pt x="980046" y="115634"/>
                  </a:cubicBezTo>
                  <a:cubicBezTo>
                    <a:pt x="980712" y="105347"/>
                    <a:pt x="982139" y="95060"/>
                    <a:pt x="984423" y="84582"/>
                  </a:cubicBezTo>
                  <a:cubicBezTo>
                    <a:pt x="984899" y="82296"/>
                    <a:pt x="985565" y="79915"/>
                    <a:pt x="986231" y="77629"/>
                  </a:cubicBezTo>
                  <a:cubicBezTo>
                    <a:pt x="987372" y="73247"/>
                    <a:pt x="988514" y="68961"/>
                    <a:pt x="989941" y="64579"/>
                  </a:cubicBezTo>
                  <a:cubicBezTo>
                    <a:pt x="991844" y="58864"/>
                    <a:pt x="993937" y="53721"/>
                    <a:pt x="996125" y="48958"/>
                  </a:cubicBezTo>
                  <a:cubicBezTo>
                    <a:pt x="997172" y="46672"/>
                    <a:pt x="998218" y="44577"/>
                    <a:pt x="999265" y="42482"/>
                  </a:cubicBezTo>
                  <a:cubicBezTo>
                    <a:pt x="1004973" y="31623"/>
                    <a:pt x="1011538" y="23336"/>
                    <a:pt x="1018674" y="17145"/>
                  </a:cubicBezTo>
                  <a:cubicBezTo>
                    <a:pt x="1020767" y="15335"/>
                    <a:pt x="1022955" y="13716"/>
                    <a:pt x="1025143" y="12192"/>
                  </a:cubicBezTo>
                  <a:cubicBezTo>
                    <a:pt x="1031993" y="7620"/>
                    <a:pt x="1039319" y="4477"/>
                    <a:pt x="1047121" y="2286"/>
                  </a:cubicBezTo>
                  <a:lnTo>
                    <a:pt x="1040175" y="0"/>
                  </a:lnTo>
                  <a:cubicBezTo>
                    <a:pt x="1007828" y="10001"/>
                    <a:pt x="984328" y="37338"/>
                    <a:pt x="973291" y="68199"/>
                  </a:cubicBezTo>
                  <a:cubicBezTo>
                    <a:pt x="962445" y="98774"/>
                    <a:pt x="958354" y="141065"/>
                    <a:pt x="963968" y="174403"/>
                  </a:cubicBezTo>
                  <a:cubicBezTo>
                    <a:pt x="984708" y="296323"/>
                    <a:pt x="1058443" y="364998"/>
                    <a:pt x="1140549" y="449675"/>
                  </a:cubicBezTo>
                  <a:cubicBezTo>
                    <a:pt x="1176703" y="488918"/>
                    <a:pt x="1229886" y="537972"/>
                    <a:pt x="1245775" y="591026"/>
                  </a:cubicBezTo>
                  <a:cubicBezTo>
                    <a:pt x="1242255" y="605028"/>
                    <a:pt x="1239210" y="619316"/>
                    <a:pt x="1236356" y="633984"/>
                  </a:cubicBezTo>
                  <a:cubicBezTo>
                    <a:pt x="1219326" y="721233"/>
                    <a:pt x="1210573" y="785336"/>
                    <a:pt x="1200964" y="873347"/>
                  </a:cubicBezTo>
                  <a:cubicBezTo>
                    <a:pt x="1184694" y="1022414"/>
                    <a:pt x="1137885" y="1148906"/>
                    <a:pt x="1071667" y="1232535"/>
                  </a:cubicBezTo>
                  <a:cubicBezTo>
                    <a:pt x="1056825" y="1187768"/>
                    <a:pt x="1047406" y="1151287"/>
                    <a:pt x="1042839" y="1135285"/>
                  </a:cubicBezTo>
                  <a:cubicBezTo>
                    <a:pt x="1024001" y="1069181"/>
                    <a:pt x="997647" y="963740"/>
                    <a:pt x="969200" y="901065"/>
                  </a:cubicBezTo>
                  <a:cubicBezTo>
                    <a:pt x="936948" y="830294"/>
                    <a:pt x="883573" y="782003"/>
                    <a:pt x="815833" y="750570"/>
                  </a:cubicBezTo>
                  <a:cubicBezTo>
                    <a:pt x="790906" y="738950"/>
                    <a:pt x="766360" y="729996"/>
                    <a:pt x="742004" y="722281"/>
                  </a:cubicBezTo>
                  <a:cubicBezTo>
                    <a:pt x="738293" y="721138"/>
                    <a:pt x="734488" y="719900"/>
                    <a:pt x="730777" y="718757"/>
                  </a:cubicBezTo>
                  <a:cubicBezTo>
                    <a:pt x="718599" y="715137"/>
                    <a:pt x="706516" y="711803"/>
                    <a:pt x="694433" y="708660"/>
                  </a:cubicBezTo>
                  <a:cubicBezTo>
                    <a:pt x="692911" y="708279"/>
                    <a:pt x="691294" y="707803"/>
                    <a:pt x="689772" y="707422"/>
                  </a:cubicBezTo>
                  <a:cubicBezTo>
                    <a:pt x="674454" y="703517"/>
                    <a:pt x="659136" y="699707"/>
                    <a:pt x="643818" y="695992"/>
                  </a:cubicBezTo>
                  <a:cubicBezTo>
                    <a:pt x="644580" y="687229"/>
                    <a:pt x="646292" y="667226"/>
                    <a:pt x="646768" y="652843"/>
                  </a:cubicBezTo>
                  <a:cubicBezTo>
                    <a:pt x="647719" y="626459"/>
                    <a:pt x="648195" y="603028"/>
                    <a:pt x="646673" y="579120"/>
                  </a:cubicBezTo>
                  <a:cubicBezTo>
                    <a:pt x="646673" y="579025"/>
                    <a:pt x="646673" y="578930"/>
                    <a:pt x="646673" y="578834"/>
                  </a:cubicBezTo>
                  <a:cubicBezTo>
                    <a:pt x="645531" y="562166"/>
                    <a:pt x="643533" y="545306"/>
                    <a:pt x="639823" y="527018"/>
                  </a:cubicBezTo>
                  <a:cubicBezTo>
                    <a:pt x="636207" y="507968"/>
                    <a:pt x="629452" y="486061"/>
                    <a:pt x="620223" y="466154"/>
                  </a:cubicBezTo>
                  <a:cubicBezTo>
                    <a:pt x="619558" y="464820"/>
                    <a:pt x="618892" y="463487"/>
                    <a:pt x="618226" y="462248"/>
                  </a:cubicBezTo>
                  <a:cubicBezTo>
                    <a:pt x="613183" y="451961"/>
                    <a:pt x="607475" y="442341"/>
                    <a:pt x="601100" y="434150"/>
                  </a:cubicBezTo>
                  <a:cubicBezTo>
                    <a:pt x="582072" y="409289"/>
                    <a:pt x="558287" y="397002"/>
                    <a:pt x="531267" y="383000"/>
                  </a:cubicBezTo>
                  <a:lnTo>
                    <a:pt x="529364" y="386525"/>
                  </a:lnTo>
                  <a:cubicBezTo>
                    <a:pt x="540971" y="393382"/>
                    <a:pt x="551056" y="400717"/>
                    <a:pt x="560094" y="408432"/>
                  </a:cubicBezTo>
                  <a:cubicBezTo>
                    <a:pt x="561902" y="409956"/>
                    <a:pt x="563710" y="411575"/>
                    <a:pt x="565422" y="413195"/>
                  </a:cubicBezTo>
                  <a:cubicBezTo>
                    <a:pt x="573224" y="420434"/>
                    <a:pt x="579979" y="428054"/>
                    <a:pt x="585973" y="435864"/>
                  </a:cubicBezTo>
                  <a:cubicBezTo>
                    <a:pt x="587400" y="437769"/>
                    <a:pt x="588732" y="439769"/>
                    <a:pt x="590064" y="441770"/>
                  </a:cubicBezTo>
                  <a:cubicBezTo>
                    <a:pt x="595963" y="450342"/>
                    <a:pt x="600910" y="459200"/>
                    <a:pt x="605001" y="468249"/>
                  </a:cubicBezTo>
                  <a:cubicBezTo>
                    <a:pt x="605952" y="470440"/>
                    <a:pt x="607094" y="472630"/>
                    <a:pt x="607950" y="474821"/>
                  </a:cubicBezTo>
                  <a:cubicBezTo>
                    <a:pt x="611946" y="484537"/>
                    <a:pt x="614896" y="494538"/>
                    <a:pt x="617274" y="504539"/>
                  </a:cubicBezTo>
                  <a:cubicBezTo>
                    <a:pt x="617845" y="506921"/>
                    <a:pt x="618606" y="509302"/>
                    <a:pt x="619082" y="511778"/>
                  </a:cubicBezTo>
                  <a:cubicBezTo>
                    <a:pt x="621270" y="522351"/>
                    <a:pt x="622602" y="533019"/>
                    <a:pt x="623553" y="543687"/>
                  </a:cubicBezTo>
                  <a:cubicBezTo>
                    <a:pt x="623744" y="546354"/>
                    <a:pt x="623934" y="548926"/>
                    <a:pt x="624124" y="551593"/>
                  </a:cubicBezTo>
                  <a:cubicBezTo>
                    <a:pt x="624885" y="563118"/>
                    <a:pt x="624981" y="574643"/>
                    <a:pt x="624981" y="585883"/>
                  </a:cubicBezTo>
                  <a:cubicBezTo>
                    <a:pt x="624981" y="588645"/>
                    <a:pt x="624981" y="591407"/>
                    <a:pt x="624885" y="594170"/>
                  </a:cubicBezTo>
                  <a:cubicBezTo>
                    <a:pt x="624695" y="604742"/>
                    <a:pt x="624315" y="615125"/>
                    <a:pt x="624029" y="625221"/>
                  </a:cubicBezTo>
                  <a:cubicBezTo>
                    <a:pt x="624029" y="626555"/>
                    <a:pt x="623934" y="627888"/>
                    <a:pt x="623839" y="629317"/>
                  </a:cubicBezTo>
                  <a:cubicBezTo>
                    <a:pt x="623744" y="632079"/>
                    <a:pt x="623553" y="634937"/>
                    <a:pt x="623363" y="637889"/>
                  </a:cubicBezTo>
                  <a:cubicBezTo>
                    <a:pt x="621936" y="657035"/>
                    <a:pt x="619272" y="678466"/>
                    <a:pt x="617655" y="689896"/>
                  </a:cubicBezTo>
                  <a:cubicBezTo>
                    <a:pt x="583404" y="681323"/>
                    <a:pt x="548678" y="671513"/>
                    <a:pt x="512809" y="657987"/>
                  </a:cubicBezTo>
                  <a:cubicBezTo>
                    <a:pt x="509955" y="656939"/>
                    <a:pt x="507101" y="655796"/>
                    <a:pt x="504247" y="654653"/>
                  </a:cubicBezTo>
                  <a:cubicBezTo>
                    <a:pt x="492735" y="650081"/>
                    <a:pt x="481128" y="645224"/>
                    <a:pt x="469425" y="639699"/>
                  </a:cubicBezTo>
                  <a:cubicBezTo>
                    <a:pt x="466761" y="638461"/>
                    <a:pt x="464192" y="637318"/>
                    <a:pt x="461528" y="635984"/>
                  </a:cubicBezTo>
                  <a:cubicBezTo>
                    <a:pt x="460958" y="635699"/>
                    <a:pt x="460292" y="635413"/>
                    <a:pt x="459721" y="635127"/>
                  </a:cubicBezTo>
                  <a:cubicBezTo>
                    <a:pt x="450207" y="630460"/>
                    <a:pt x="441263" y="624554"/>
                    <a:pt x="432796" y="617887"/>
                  </a:cubicBezTo>
                  <a:cubicBezTo>
                    <a:pt x="430798" y="616363"/>
                    <a:pt x="428895" y="614648"/>
                    <a:pt x="426992" y="613029"/>
                  </a:cubicBezTo>
                  <a:cubicBezTo>
                    <a:pt x="419191" y="606266"/>
                    <a:pt x="411675" y="598837"/>
                    <a:pt x="404825" y="590645"/>
                  </a:cubicBezTo>
                  <a:cubicBezTo>
                    <a:pt x="403302" y="588836"/>
                    <a:pt x="401780" y="586931"/>
                    <a:pt x="400258" y="585026"/>
                  </a:cubicBezTo>
                  <a:cubicBezTo>
                    <a:pt x="394074" y="577025"/>
                    <a:pt x="388270" y="568643"/>
                    <a:pt x="383132" y="559880"/>
                  </a:cubicBezTo>
                  <a:cubicBezTo>
                    <a:pt x="381896" y="557784"/>
                    <a:pt x="380944" y="555689"/>
                    <a:pt x="379802" y="553593"/>
                  </a:cubicBezTo>
                  <a:cubicBezTo>
                    <a:pt x="374950" y="544735"/>
                    <a:pt x="370574" y="535781"/>
                    <a:pt x="366958" y="526542"/>
                  </a:cubicBezTo>
                  <a:cubicBezTo>
                    <a:pt x="366102" y="524256"/>
                    <a:pt x="365246" y="522065"/>
                    <a:pt x="364390" y="519779"/>
                  </a:cubicBezTo>
                  <a:cubicBezTo>
                    <a:pt x="357920" y="501872"/>
                    <a:pt x="353734" y="483584"/>
                    <a:pt x="352307" y="466058"/>
                  </a:cubicBezTo>
                  <a:lnTo>
                    <a:pt x="346598" y="468916"/>
                  </a:lnTo>
                  <a:cubicBezTo>
                    <a:pt x="351165" y="550355"/>
                    <a:pt x="385796" y="611124"/>
                    <a:pt x="445735" y="651320"/>
                  </a:cubicBezTo>
                  <a:cubicBezTo>
                    <a:pt x="445735" y="651320"/>
                    <a:pt x="445735" y="651320"/>
                    <a:pt x="445735" y="651320"/>
                  </a:cubicBezTo>
                  <a:cubicBezTo>
                    <a:pt x="468379" y="666560"/>
                    <a:pt x="494542" y="678942"/>
                    <a:pt x="524226" y="688181"/>
                  </a:cubicBezTo>
                  <a:cubicBezTo>
                    <a:pt x="621651" y="718661"/>
                    <a:pt x="687012" y="737426"/>
                    <a:pt x="750376" y="758571"/>
                  </a:cubicBezTo>
                  <a:cubicBezTo>
                    <a:pt x="808412" y="777907"/>
                    <a:pt x="855317" y="810959"/>
                    <a:pt x="889567" y="852583"/>
                  </a:cubicBezTo>
                  <a:cubicBezTo>
                    <a:pt x="891090" y="854393"/>
                    <a:pt x="892612" y="856298"/>
                    <a:pt x="894039" y="858203"/>
                  </a:cubicBezTo>
                  <a:cubicBezTo>
                    <a:pt x="900223" y="866108"/>
                    <a:pt x="905932" y="874205"/>
                    <a:pt x="911164" y="882587"/>
                  </a:cubicBezTo>
                  <a:cubicBezTo>
                    <a:pt x="912401" y="884587"/>
                    <a:pt x="913638" y="886682"/>
                    <a:pt x="914875" y="888683"/>
                  </a:cubicBezTo>
                  <a:cubicBezTo>
                    <a:pt x="920108" y="897541"/>
                    <a:pt x="924865" y="906590"/>
                    <a:pt x="929051" y="915924"/>
                  </a:cubicBezTo>
                  <a:cubicBezTo>
                    <a:pt x="929527" y="916972"/>
                    <a:pt x="930002" y="917924"/>
                    <a:pt x="930478" y="918972"/>
                  </a:cubicBezTo>
                  <a:cubicBezTo>
                    <a:pt x="930954" y="920115"/>
                    <a:pt x="931429" y="921353"/>
                    <a:pt x="931905" y="922592"/>
                  </a:cubicBezTo>
                  <a:cubicBezTo>
                    <a:pt x="935425" y="931164"/>
                    <a:pt x="939136" y="941070"/>
                    <a:pt x="942941" y="952024"/>
                  </a:cubicBezTo>
                  <a:cubicBezTo>
                    <a:pt x="943798" y="954405"/>
                    <a:pt x="944559" y="956596"/>
                    <a:pt x="945415" y="959072"/>
                  </a:cubicBezTo>
                  <a:cubicBezTo>
                    <a:pt x="954168" y="985076"/>
                    <a:pt x="963397" y="1015937"/>
                    <a:pt x="972055" y="1047464"/>
                  </a:cubicBezTo>
                  <a:cubicBezTo>
                    <a:pt x="964919" y="1046512"/>
                    <a:pt x="957593" y="1045559"/>
                    <a:pt x="950838" y="1044607"/>
                  </a:cubicBezTo>
                  <a:cubicBezTo>
                    <a:pt x="949126" y="1044321"/>
                    <a:pt x="947128" y="1044035"/>
                    <a:pt x="945415" y="1043750"/>
                  </a:cubicBezTo>
                  <a:cubicBezTo>
                    <a:pt x="938279" y="1042702"/>
                    <a:pt x="931049" y="1041654"/>
                    <a:pt x="923533" y="1040320"/>
                  </a:cubicBezTo>
                  <a:cubicBezTo>
                    <a:pt x="915731" y="1038987"/>
                    <a:pt x="907739" y="1037463"/>
                    <a:pt x="899652" y="1035653"/>
                  </a:cubicBezTo>
                  <a:cubicBezTo>
                    <a:pt x="896513" y="1034987"/>
                    <a:pt x="893468" y="1034225"/>
                    <a:pt x="890328" y="1033463"/>
                  </a:cubicBezTo>
                  <a:cubicBezTo>
                    <a:pt x="878341" y="1030415"/>
                    <a:pt x="866353" y="1026795"/>
                    <a:pt x="854460" y="1022223"/>
                  </a:cubicBezTo>
                  <a:cubicBezTo>
                    <a:pt x="851796" y="1021175"/>
                    <a:pt x="849228" y="1020128"/>
                    <a:pt x="846564" y="1018985"/>
                  </a:cubicBezTo>
                  <a:cubicBezTo>
                    <a:pt x="836098" y="1014508"/>
                    <a:pt x="825918" y="1009269"/>
                    <a:pt x="816023" y="1003078"/>
                  </a:cubicBezTo>
                  <a:cubicBezTo>
                    <a:pt x="813835" y="1001744"/>
                    <a:pt x="811742" y="1000316"/>
                    <a:pt x="809554" y="998887"/>
                  </a:cubicBezTo>
                  <a:cubicBezTo>
                    <a:pt x="800991" y="992981"/>
                    <a:pt x="792809" y="986314"/>
                    <a:pt x="785103" y="978789"/>
                  </a:cubicBezTo>
                  <a:cubicBezTo>
                    <a:pt x="783390" y="977075"/>
                    <a:pt x="781678" y="975360"/>
                    <a:pt x="780060" y="973645"/>
                  </a:cubicBezTo>
                  <a:cubicBezTo>
                    <a:pt x="773400" y="966597"/>
                    <a:pt x="767216" y="958787"/>
                    <a:pt x="761508" y="950119"/>
                  </a:cubicBezTo>
                  <a:cubicBezTo>
                    <a:pt x="760176" y="948118"/>
                    <a:pt x="758939" y="946118"/>
                    <a:pt x="757702" y="944023"/>
                  </a:cubicBezTo>
                  <a:cubicBezTo>
                    <a:pt x="750091" y="931450"/>
                    <a:pt x="743526" y="917353"/>
                    <a:pt x="738198" y="901351"/>
                  </a:cubicBezTo>
                  <a:lnTo>
                    <a:pt x="734393" y="902494"/>
                  </a:lnTo>
                  <a:cubicBezTo>
                    <a:pt x="742384" y="931926"/>
                    <a:pt x="749235" y="957834"/>
                    <a:pt x="769500" y="981742"/>
                  </a:cubicBezTo>
                  <a:cubicBezTo>
                    <a:pt x="789574" y="1005935"/>
                    <a:pt x="823635" y="1027367"/>
                    <a:pt x="851987" y="1039463"/>
                  </a:cubicBezTo>
                  <a:cubicBezTo>
                    <a:pt x="854365" y="1040511"/>
                    <a:pt x="856554" y="1041368"/>
                    <a:pt x="858932" y="1042321"/>
                  </a:cubicBezTo>
                  <a:cubicBezTo>
                    <a:pt x="864070" y="1044512"/>
                    <a:pt x="869207" y="1046417"/>
                    <a:pt x="874155" y="1048322"/>
                  </a:cubicBezTo>
                  <a:cubicBezTo>
                    <a:pt x="895466" y="1056132"/>
                    <a:pt x="915826" y="1061561"/>
                    <a:pt x="937328" y="1066133"/>
                  </a:cubicBezTo>
                  <a:cubicBezTo>
                    <a:pt x="938755" y="1066419"/>
                    <a:pt x="940182" y="1066800"/>
                    <a:pt x="941609" y="1067086"/>
                  </a:cubicBezTo>
                  <a:cubicBezTo>
                    <a:pt x="951790" y="1069181"/>
                    <a:pt x="962255" y="1071086"/>
                    <a:pt x="973291" y="1073087"/>
                  </a:cubicBezTo>
                  <a:cubicBezTo>
                    <a:pt x="975194" y="1073468"/>
                    <a:pt x="977287" y="1073753"/>
                    <a:pt x="979285" y="1074134"/>
                  </a:cubicBezTo>
                  <a:cubicBezTo>
                    <a:pt x="992415" y="1123188"/>
                    <a:pt x="1003832" y="1170623"/>
                    <a:pt x="1010396" y="1200055"/>
                  </a:cubicBezTo>
                  <a:cubicBezTo>
                    <a:pt x="1050356" y="1380268"/>
                    <a:pt x="1083560" y="1501045"/>
                    <a:pt x="1129037" y="1564577"/>
                  </a:cubicBezTo>
                  <a:cubicBezTo>
                    <a:pt x="1123329" y="1568291"/>
                    <a:pt x="1117620" y="1572101"/>
                    <a:pt x="1111817" y="1575911"/>
                  </a:cubicBezTo>
                  <a:cubicBezTo>
                    <a:pt x="883003" y="1727930"/>
                    <a:pt x="803845" y="1828610"/>
                    <a:pt x="744573" y="1981105"/>
                  </a:cubicBezTo>
                  <a:cubicBezTo>
                    <a:pt x="695290" y="1957197"/>
                    <a:pt x="647434" y="1930337"/>
                    <a:pt x="601481" y="1900428"/>
                  </a:cubicBezTo>
                  <a:cubicBezTo>
                    <a:pt x="491688" y="1828991"/>
                    <a:pt x="392646" y="1741170"/>
                    <a:pt x="308447" y="1640681"/>
                  </a:cubicBezTo>
                  <a:cubicBezTo>
                    <a:pt x="223867" y="1539716"/>
                    <a:pt x="154319" y="1426178"/>
                    <a:pt x="103228" y="1304639"/>
                  </a:cubicBezTo>
                  <a:cubicBezTo>
                    <a:pt x="50900" y="1180433"/>
                    <a:pt x="17982" y="1048226"/>
                    <a:pt x="5804" y="913924"/>
                  </a:cubicBezTo>
                  <a:cubicBezTo>
                    <a:pt x="2664" y="879634"/>
                    <a:pt x="666" y="845058"/>
                    <a:pt x="476" y="810578"/>
                  </a:cubicBezTo>
                  <a:cubicBezTo>
                    <a:pt x="285" y="814007"/>
                    <a:pt x="0" y="816864"/>
                    <a:pt x="0" y="817626"/>
                  </a:cubicBezTo>
                  <a:cubicBezTo>
                    <a:pt x="190" y="956691"/>
                    <a:pt x="18648" y="1094423"/>
                    <a:pt x="60224" y="1227296"/>
                  </a:cubicBezTo>
                  <a:cubicBezTo>
                    <a:pt x="100469" y="1355979"/>
                    <a:pt x="160598" y="1478280"/>
                    <a:pt x="237852" y="1588770"/>
                  </a:cubicBezTo>
                  <a:cubicBezTo>
                    <a:pt x="313870" y="1697546"/>
                    <a:pt x="406347" y="1794796"/>
                    <a:pt x="511097" y="1876235"/>
                  </a:cubicBezTo>
                  <a:cubicBezTo>
                    <a:pt x="617179" y="1958721"/>
                    <a:pt x="735725" y="2024825"/>
                    <a:pt x="861596" y="2071497"/>
                  </a:cubicBezTo>
                  <a:cubicBezTo>
                    <a:pt x="991558" y="2119694"/>
                    <a:pt x="1129132" y="2146840"/>
                    <a:pt x="1267562" y="2152269"/>
                  </a:cubicBezTo>
                  <a:cubicBezTo>
                    <a:pt x="1407705" y="2157698"/>
                    <a:pt x="1548608" y="2141030"/>
                    <a:pt x="1683423" y="2102453"/>
                  </a:cubicBezTo>
                  <a:cubicBezTo>
                    <a:pt x="1812624" y="2065401"/>
                    <a:pt x="1935927" y="2008346"/>
                    <a:pt x="2047908" y="1934051"/>
                  </a:cubicBezTo>
                  <a:cubicBezTo>
                    <a:pt x="2158937" y="1860328"/>
                    <a:pt x="2258740" y="1769745"/>
                    <a:pt x="2342940" y="1666304"/>
                  </a:cubicBezTo>
                  <a:cubicBezTo>
                    <a:pt x="2427615" y="1562195"/>
                    <a:pt x="2496402" y="1445323"/>
                    <a:pt x="2545970" y="1320546"/>
                  </a:cubicBezTo>
                  <a:cubicBezTo>
                    <a:pt x="2596681" y="1193006"/>
                    <a:pt x="2627031" y="1057561"/>
                    <a:pt x="2636069" y="920591"/>
                  </a:cubicBezTo>
                  <a:cubicBezTo>
                    <a:pt x="2638352" y="886301"/>
                    <a:pt x="2639113" y="852011"/>
                    <a:pt x="2639113" y="817626"/>
                  </a:cubicBezTo>
                  <a:cubicBezTo>
                    <a:pt x="2639113" y="816578"/>
                    <a:pt x="2638923" y="812768"/>
                    <a:pt x="2638733" y="808292"/>
                  </a:cubicBezTo>
                  <a:close/>
                </a:path>
              </a:pathLst>
            </a:custGeom>
            <a:solidFill>
              <a:srgbClr val="052460"/>
            </a:solidFill>
            <a:ln w="9492" cap="flat">
              <a:noFill/>
              <a:prstDash val="solid"/>
              <a:miter/>
            </a:ln>
          </p:spPr>
          <p:txBody>
            <a:bodyPr rtlCol="0" anchor="ctr"/>
            <a:lstStyle/>
            <a:p>
              <a:endParaRPr lang="en-US" dirty="0"/>
            </a:p>
          </p:txBody>
        </p:sp>
      </p:grpSp>
      <p:sp>
        <p:nvSpPr>
          <p:cNvPr id="226" name="Content Placeholder 4">
            <a:extLst>
              <a:ext uri="{FF2B5EF4-FFF2-40B4-BE49-F238E27FC236}">
                <a16:creationId xmlns:a16="http://schemas.microsoft.com/office/drawing/2014/main" id="{C48B42C3-924F-1712-DE5E-01E4EAE2931F}"/>
              </a:ext>
            </a:extLst>
          </p:cNvPr>
          <p:cNvSpPr txBox="1">
            <a:spLocks/>
          </p:cNvSpPr>
          <p:nvPr/>
        </p:nvSpPr>
        <p:spPr>
          <a:xfrm>
            <a:off x="692703" y="4573278"/>
            <a:ext cx="5708097" cy="1406892"/>
          </a:xfrm>
          <a:prstGeom prst="rect">
            <a:avLst/>
          </a:prstGeom>
        </p:spPr>
        <p:txBody>
          <a:bodyPr vert="horz" lIns="0" tIns="0" rIns="0" bIns="0" rtlCol="0">
            <a:noAutofit/>
          </a:bodyPr>
          <a:lstStyle>
            <a:lvl1pPr marL="0" indent="0" algn="l" defTabSz="914400" rtl="0" eaLnBrk="1" latinLnBrk="0" hangingPunct="1">
              <a:lnSpc>
                <a:spcPct val="100000"/>
              </a:lnSpc>
              <a:spcBef>
                <a:spcPts val="250"/>
              </a:spcBef>
              <a:spcAft>
                <a:spcPts val="600"/>
              </a:spcAft>
              <a:buFont typeface="Arial" panose="020B0604020202020204" pitchFamily="34" charset="0"/>
              <a:buNone/>
              <a:defRPr sz="18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8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6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4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8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6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6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200" i="1" kern="1200">
                <a:solidFill>
                  <a:schemeClr val="accent1"/>
                </a:solidFill>
                <a:latin typeface="+mn-lt"/>
                <a:ea typeface="+mn-ea"/>
                <a:cs typeface="+mn-cs"/>
              </a:defRPr>
            </a:lvl9pPr>
          </a:lstStyle>
          <a:p>
            <a:pPr lvl="8"/>
            <a:r>
              <a:rPr lang="en-US" dirty="0">
                <a:solidFill>
                  <a:srgbClr val="9EC3E1"/>
                </a:solidFill>
              </a:rPr>
              <a:t>The design motif featured in the strategic plan was created by Nikita </a:t>
            </a:r>
            <a:r>
              <a:rPr lang="en-US" dirty="0" err="1">
                <a:solidFill>
                  <a:srgbClr val="9EC3E1"/>
                </a:solidFill>
              </a:rPr>
              <a:t>Rochiramani</a:t>
            </a:r>
            <a:r>
              <a:rPr lang="en-US" dirty="0">
                <a:solidFill>
                  <a:srgbClr val="9EC3E1"/>
                </a:solidFill>
              </a:rPr>
              <a:t> and then modified by Penn Medicine Creative Services. It draws inspiration from Maya Lin's Tree of Life sculpture that graces the Hospital of the University of Pennsylvania-Pavilion lobby. The design aims to convey that the plan will grow and evolve, to evoke the interconnectedness of our several missions, and to reflect the foundation that we will lead with humanity in everything we do.</a:t>
            </a:r>
          </a:p>
        </p:txBody>
      </p:sp>
    </p:spTree>
    <p:extLst>
      <p:ext uri="{BB962C8B-B14F-4D97-AF65-F5344CB8AC3E}">
        <p14:creationId xmlns:p14="http://schemas.microsoft.com/office/powerpoint/2010/main" val="4272785252"/>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4" name="Group 13">
            <a:extLst>
              <a:ext uri="{FF2B5EF4-FFF2-40B4-BE49-F238E27FC236}">
                <a16:creationId xmlns:a16="http://schemas.microsoft.com/office/drawing/2014/main" id="{0A6A7BFC-9BCB-BB9D-27A6-CC312603C0C3}"/>
              </a:ext>
            </a:extLst>
          </p:cNvPr>
          <p:cNvGrpSpPr/>
          <p:nvPr/>
        </p:nvGrpSpPr>
        <p:grpSpPr>
          <a:xfrm flipH="1">
            <a:off x="6860506" y="4221061"/>
            <a:ext cx="5331494" cy="2683311"/>
            <a:chOff x="0" y="4896322"/>
            <a:chExt cx="3926064" cy="1975966"/>
          </a:xfrm>
        </p:grpSpPr>
        <p:sp>
          <p:nvSpPr>
            <p:cNvPr id="16" name="Rectangle 48">
              <a:extLst>
                <a:ext uri="{FF2B5EF4-FFF2-40B4-BE49-F238E27FC236}">
                  <a16:creationId xmlns:a16="http://schemas.microsoft.com/office/drawing/2014/main" id="{8A6B7686-8AE2-E43F-E33C-A0F8D37B240B}"/>
                </a:ext>
              </a:extLst>
            </p:cNvPr>
            <p:cNvSpPr/>
            <p:nvPr/>
          </p:nvSpPr>
          <p:spPr>
            <a:xfrm>
              <a:off x="0" y="4896322"/>
              <a:ext cx="3926064" cy="1975966"/>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Lst>
              <a:ahLst/>
              <a:cxnLst>
                <a:cxn ang="0">
                  <a:pos x="connsiteX0" y="connsiteY0"/>
                </a:cxn>
                <a:cxn ang="0">
                  <a:pos x="connsiteX1" y="connsiteY1"/>
                </a:cxn>
                <a:cxn ang="0">
                  <a:pos x="connsiteX2" y="connsiteY2"/>
                </a:cxn>
                <a:cxn ang="0">
                  <a:pos x="connsiteX3" y="connsiteY3"/>
                </a:cxn>
              </a:cxnLst>
              <a:rect l="l" t="t" r="r" b="b"/>
              <a:pathLst>
                <a:path w="4575363" h="2886342">
                  <a:moveTo>
                    <a:pt x="0" y="0"/>
                  </a:moveTo>
                  <a:cubicBezTo>
                    <a:pt x="749422" y="1127588"/>
                    <a:pt x="1251023" y="1711434"/>
                    <a:pt x="4575363" y="2886342"/>
                  </a:cubicBezTo>
                  <a:lnTo>
                    <a:pt x="0" y="2868414"/>
                  </a:lnTo>
                  <a:lnTo>
                    <a:pt x="0" y="0"/>
                  </a:lnTo>
                  <a:close/>
                </a:path>
              </a:pathLst>
            </a:custGeom>
            <a:gradFill flip="none" rotWithShape="1">
              <a:gsLst>
                <a:gs pos="0">
                  <a:schemeClr val="accent5"/>
                </a:gs>
                <a:gs pos="100000">
                  <a:schemeClr val="bg1"/>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17" name="Rectangle 48">
              <a:extLst>
                <a:ext uri="{FF2B5EF4-FFF2-40B4-BE49-F238E27FC236}">
                  <a16:creationId xmlns:a16="http://schemas.microsoft.com/office/drawing/2014/main" id="{93B9E2C4-1E8A-8752-40B4-E05CC0B5FDAE}"/>
                </a:ext>
              </a:extLst>
            </p:cNvPr>
            <p:cNvSpPr/>
            <p:nvPr/>
          </p:nvSpPr>
          <p:spPr>
            <a:xfrm>
              <a:off x="0" y="5047641"/>
              <a:ext cx="3202696" cy="1810358"/>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Lst>
              <a:ahLst/>
              <a:cxnLst>
                <a:cxn ang="0">
                  <a:pos x="connsiteX0" y="connsiteY0"/>
                </a:cxn>
                <a:cxn ang="0">
                  <a:pos x="connsiteX1" y="connsiteY1"/>
                </a:cxn>
                <a:cxn ang="0">
                  <a:pos x="connsiteX2" y="connsiteY2"/>
                </a:cxn>
                <a:cxn ang="0">
                  <a:pos x="connsiteX3" y="connsiteY3"/>
                </a:cxn>
              </a:cxnLst>
              <a:rect l="l" t="t" r="r" b="b"/>
              <a:pathLst>
                <a:path w="4048488" h="2868414">
                  <a:moveTo>
                    <a:pt x="0" y="0"/>
                  </a:moveTo>
                  <a:cubicBezTo>
                    <a:pt x="749422" y="1127588"/>
                    <a:pt x="1698866" y="1926564"/>
                    <a:pt x="4048488" y="2868414"/>
                  </a:cubicBezTo>
                  <a:lnTo>
                    <a:pt x="0" y="2868414"/>
                  </a:lnTo>
                  <a:lnTo>
                    <a:pt x="0" y="0"/>
                  </a:lnTo>
                  <a:close/>
                </a:path>
              </a:pathLst>
            </a:custGeom>
            <a:solidFill>
              <a:srgbClr val="9EC3E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grpSp>
        <p:nvGrpSpPr>
          <p:cNvPr id="5" name="Group 4">
            <a:extLst>
              <a:ext uri="{FF2B5EF4-FFF2-40B4-BE49-F238E27FC236}">
                <a16:creationId xmlns:a16="http://schemas.microsoft.com/office/drawing/2014/main" id="{EC24141B-F557-CA34-D37A-6EF0DF6A1AD7}"/>
              </a:ext>
            </a:extLst>
          </p:cNvPr>
          <p:cNvGrpSpPr/>
          <p:nvPr/>
        </p:nvGrpSpPr>
        <p:grpSpPr>
          <a:xfrm rot="5044496" flipH="1">
            <a:off x="6882888" y="-2176759"/>
            <a:ext cx="7132695" cy="7628971"/>
            <a:chOff x="3998339" y="-1284257"/>
            <a:chExt cx="6499168" cy="6951365"/>
          </a:xfrm>
        </p:grpSpPr>
        <p:grpSp>
          <p:nvGrpSpPr>
            <p:cNvPr id="6" name="Graphic 15">
              <a:extLst>
                <a:ext uri="{FF2B5EF4-FFF2-40B4-BE49-F238E27FC236}">
                  <a16:creationId xmlns:a16="http://schemas.microsoft.com/office/drawing/2014/main" id="{4C047CE0-9149-120D-412C-88FADAB232F9}"/>
                </a:ext>
              </a:extLst>
            </p:cNvPr>
            <p:cNvGrpSpPr/>
            <p:nvPr/>
          </p:nvGrpSpPr>
          <p:grpSpPr>
            <a:xfrm>
              <a:off x="3998339" y="-1284257"/>
              <a:ext cx="6499168" cy="6951365"/>
              <a:chOff x="3998339" y="-1284257"/>
              <a:chExt cx="6499168" cy="6951365"/>
            </a:xfrm>
          </p:grpSpPr>
          <p:sp>
            <p:nvSpPr>
              <p:cNvPr id="10" name="Freeform 9">
                <a:extLst>
                  <a:ext uri="{FF2B5EF4-FFF2-40B4-BE49-F238E27FC236}">
                    <a16:creationId xmlns:a16="http://schemas.microsoft.com/office/drawing/2014/main" id="{212CC20A-9A6A-E5F8-5579-1BF3A6EF053C}"/>
                  </a:ext>
                </a:extLst>
              </p:cNvPr>
              <p:cNvSpPr/>
              <p:nvPr/>
            </p:nvSpPr>
            <p:spPr>
              <a:xfrm>
                <a:off x="3998339" y="-1284257"/>
                <a:ext cx="5164217" cy="5155806"/>
              </a:xfrm>
              <a:custGeom>
                <a:avLst/>
                <a:gdLst>
                  <a:gd name="connsiteX0" fmla="*/ 5164218 w 5164217"/>
                  <a:gd name="connsiteY0" fmla="*/ 96 h 5155806"/>
                  <a:gd name="connsiteX1" fmla="*/ 83040 w 5164217"/>
                  <a:gd name="connsiteY1" fmla="*/ 5155807 h 5155806"/>
                  <a:gd name="connsiteX2" fmla="*/ 94980 w 5164217"/>
                  <a:gd name="connsiteY2" fmla="*/ 5103249 h 5155806"/>
                  <a:gd name="connsiteX3" fmla="*/ 4921802 w 5164217"/>
                  <a:gd name="connsiteY3" fmla="*/ 342778 h 5155806"/>
                  <a:gd name="connsiteX4" fmla="*/ 5164218 w 5164217"/>
                  <a:gd name="connsiteY4" fmla="*/ 0 h 5155806"/>
                  <a:gd name="connsiteX5" fmla="*/ 5164218 w 5164217"/>
                  <a:gd name="connsiteY5" fmla="*/ 0 h 51558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64217" h="5155806">
                    <a:moveTo>
                      <a:pt x="5164218" y="96"/>
                    </a:moveTo>
                    <a:cubicBezTo>
                      <a:pt x="4909577" y="2855174"/>
                      <a:pt x="2994608" y="4946337"/>
                      <a:pt x="83040" y="5155807"/>
                    </a:cubicBezTo>
                    <a:cubicBezTo>
                      <a:pt x="83040" y="5155807"/>
                      <a:pt x="-111522" y="5114429"/>
                      <a:pt x="94980" y="5103249"/>
                    </a:cubicBezTo>
                    <a:cubicBezTo>
                      <a:pt x="1764955" y="5013421"/>
                      <a:pt x="4667734" y="3821297"/>
                      <a:pt x="4921802" y="342778"/>
                    </a:cubicBezTo>
                    <a:cubicBezTo>
                      <a:pt x="4921802" y="342778"/>
                      <a:pt x="5164218" y="0"/>
                      <a:pt x="5164218" y="0"/>
                    </a:cubicBezTo>
                    <a:lnTo>
                      <a:pt x="5164218" y="0"/>
                    </a:lnTo>
                    <a:close/>
                  </a:path>
                </a:pathLst>
              </a:custGeom>
              <a:gradFill>
                <a:gsLst>
                  <a:gs pos="20000">
                    <a:schemeClr val="accent5"/>
                  </a:gs>
                  <a:gs pos="67000">
                    <a:schemeClr val="bg1"/>
                  </a:gs>
                </a:gsLst>
                <a:lin ang="8100000" scaled="1"/>
              </a:gradFill>
              <a:ln w="9546" cap="flat">
                <a:noFill/>
                <a:prstDash val="solid"/>
                <a:miter/>
              </a:ln>
            </p:spPr>
            <p:txBody>
              <a:bodyPr rtlCol="0" anchor="ctr"/>
              <a:lstStyle/>
              <a:p>
                <a:endParaRPr lang="en-US" dirty="0"/>
              </a:p>
            </p:txBody>
          </p:sp>
          <p:sp>
            <p:nvSpPr>
              <p:cNvPr id="11" name="Freeform 10">
                <a:extLst>
                  <a:ext uri="{FF2B5EF4-FFF2-40B4-BE49-F238E27FC236}">
                    <a16:creationId xmlns:a16="http://schemas.microsoft.com/office/drawing/2014/main" id="{F9C4F7C5-7D0B-5278-1381-AB1D7676A903}"/>
                  </a:ext>
                </a:extLst>
              </p:cNvPr>
              <p:cNvSpPr/>
              <p:nvPr/>
            </p:nvSpPr>
            <p:spPr>
              <a:xfrm>
                <a:off x="7276453" y="-986584"/>
                <a:ext cx="3221054" cy="6653692"/>
              </a:xfrm>
              <a:custGeom>
                <a:avLst/>
                <a:gdLst>
                  <a:gd name="connsiteX0" fmla="*/ 263409 w 3221054"/>
                  <a:gd name="connsiteY0" fmla="*/ 0 h 6653692"/>
                  <a:gd name="connsiteX1" fmla="*/ 3131421 w 3221054"/>
                  <a:gd name="connsiteY1" fmla="*/ 6647803 h 6653692"/>
                  <a:gd name="connsiteX2" fmla="*/ 3139348 w 3221054"/>
                  <a:gd name="connsiteY2" fmla="*/ 6594575 h 6653692"/>
                  <a:gd name="connsiteX3" fmla="*/ 365323 w 3221054"/>
                  <a:gd name="connsiteY3" fmla="*/ 407472 h 6653692"/>
                  <a:gd name="connsiteX4" fmla="*/ 263504 w 3221054"/>
                  <a:gd name="connsiteY4" fmla="*/ 96 h 6653692"/>
                  <a:gd name="connsiteX5" fmla="*/ 263504 w 3221054"/>
                  <a:gd name="connsiteY5" fmla="*/ 96 h 665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221054" h="6653692">
                    <a:moveTo>
                      <a:pt x="263409" y="0"/>
                    </a:moveTo>
                    <a:cubicBezTo>
                      <a:pt x="-533564" y="2753402"/>
                      <a:pt x="493694" y="5396717"/>
                      <a:pt x="3131421" y="6647803"/>
                    </a:cubicBezTo>
                    <a:cubicBezTo>
                      <a:pt x="3131421" y="6647803"/>
                      <a:pt x="3327704" y="6679815"/>
                      <a:pt x="3139348" y="6594575"/>
                    </a:cubicBezTo>
                    <a:cubicBezTo>
                      <a:pt x="1615511" y="5905293"/>
                      <a:pt x="-658019" y="3741599"/>
                      <a:pt x="365323" y="407472"/>
                    </a:cubicBezTo>
                    <a:cubicBezTo>
                      <a:pt x="365323" y="407472"/>
                      <a:pt x="263504" y="96"/>
                      <a:pt x="263504" y="96"/>
                    </a:cubicBezTo>
                    <a:lnTo>
                      <a:pt x="263504" y="96"/>
                    </a:lnTo>
                    <a:close/>
                  </a:path>
                </a:pathLst>
              </a:custGeom>
              <a:gradFill flip="none" rotWithShape="1">
                <a:gsLst>
                  <a:gs pos="22000">
                    <a:schemeClr val="accent1"/>
                  </a:gs>
                  <a:gs pos="81000">
                    <a:schemeClr val="bg1">
                      <a:alpha val="0"/>
                    </a:schemeClr>
                  </a:gs>
                </a:gsLst>
                <a:lin ang="0" scaled="1"/>
                <a:tileRect/>
              </a:gradFill>
              <a:ln w="9546" cap="flat">
                <a:noFill/>
                <a:prstDash val="solid"/>
                <a:miter/>
              </a:ln>
            </p:spPr>
            <p:txBody>
              <a:bodyPr rtlCol="0" anchor="ctr"/>
              <a:lstStyle/>
              <a:p>
                <a:endParaRPr lang="en-US" dirty="0"/>
              </a:p>
            </p:txBody>
          </p:sp>
        </p:grpSp>
        <p:sp>
          <p:nvSpPr>
            <p:cNvPr id="7" name="Freeform 6">
              <a:extLst>
                <a:ext uri="{FF2B5EF4-FFF2-40B4-BE49-F238E27FC236}">
                  <a16:creationId xmlns:a16="http://schemas.microsoft.com/office/drawing/2014/main" id="{1302D9B4-76CF-66A7-0D70-0A599370787A}"/>
                </a:ext>
              </a:extLst>
            </p:cNvPr>
            <p:cNvSpPr/>
            <p:nvPr/>
          </p:nvSpPr>
          <p:spPr>
            <a:xfrm>
              <a:off x="6751963" y="1295259"/>
              <a:ext cx="520936" cy="385983"/>
            </a:xfrm>
            <a:custGeom>
              <a:avLst/>
              <a:gdLst>
                <a:gd name="connsiteX0" fmla="*/ 520936 w 520936"/>
                <a:gd name="connsiteY0" fmla="*/ 380965 h 385983"/>
                <a:gd name="connsiteX1" fmla="*/ 0 w 520936"/>
                <a:gd name="connsiteY1" fmla="*/ 4359 h 385983"/>
                <a:gd name="connsiteX2" fmla="*/ 520936 w 520936"/>
                <a:gd name="connsiteY2" fmla="*/ 380965 h 385983"/>
                <a:gd name="connsiteX3" fmla="*/ 520936 w 520936"/>
                <a:gd name="connsiteY3" fmla="*/ 380965 h 385983"/>
              </a:gdLst>
              <a:ahLst/>
              <a:cxnLst>
                <a:cxn ang="0">
                  <a:pos x="connsiteX0" y="connsiteY0"/>
                </a:cxn>
                <a:cxn ang="0">
                  <a:pos x="connsiteX1" y="connsiteY1"/>
                </a:cxn>
                <a:cxn ang="0">
                  <a:pos x="connsiteX2" y="connsiteY2"/>
                </a:cxn>
                <a:cxn ang="0">
                  <a:pos x="connsiteX3" y="connsiteY3"/>
                </a:cxn>
              </a:cxnLst>
              <a:rect l="l" t="t" r="r" b="b"/>
              <a:pathLst>
                <a:path w="520936" h="385983">
                  <a:moveTo>
                    <a:pt x="520936" y="380965"/>
                  </a:moveTo>
                  <a:cubicBezTo>
                    <a:pt x="520936" y="380965"/>
                    <a:pt x="443187" y="-47531"/>
                    <a:pt x="0" y="4359"/>
                  </a:cubicBezTo>
                  <a:cubicBezTo>
                    <a:pt x="0" y="4359"/>
                    <a:pt x="74119" y="437060"/>
                    <a:pt x="520936" y="380965"/>
                  </a:cubicBezTo>
                  <a:lnTo>
                    <a:pt x="520936" y="380965"/>
                  </a:lnTo>
                  <a:close/>
                </a:path>
              </a:pathLst>
            </a:custGeom>
            <a:solidFill>
              <a:schemeClr val="accent5"/>
            </a:solidFill>
            <a:ln w="9546" cap="flat">
              <a:noFill/>
              <a:prstDash val="solid"/>
              <a:miter/>
            </a:ln>
          </p:spPr>
          <p:txBody>
            <a:bodyPr rtlCol="0" anchor="ctr"/>
            <a:lstStyle/>
            <a:p>
              <a:endParaRPr lang="en-US"/>
            </a:p>
          </p:txBody>
        </p:sp>
        <p:sp>
          <p:nvSpPr>
            <p:cNvPr id="8" name="Freeform 7">
              <a:extLst>
                <a:ext uri="{FF2B5EF4-FFF2-40B4-BE49-F238E27FC236}">
                  <a16:creationId xmlns:a16="http://schemas.microsoft.com/office/drawing/2014/main" id="{3D2991DA-CA8B-49A5-F4DB-56A583992EC3}"/>
                </a:ext>
              </a:extLst>
            </p:cNvPr>
            <p:cNvSpPr/>
            <p:nvPr/>
          </p:nvSpPr>
          <p:spPr>
            <a:xfrm>
              <a:off x="6987693" y="1737002"/>
              <a:ext cx="296476" cy="305317"/>
            </a:xfrm>
            <a:custGeom>
              <a:avLst/>
              <a:gdLst>
                <a:gd name="connsiteX0" fmla="*/ 0 w 296476"/>
                <a:gd name="connsiteY0" fmla="*/ 305318 h 305317"/>
                <a:gd name="connsiteX1" fmla="*/ 296477 w 296476"/>
                <a:gd name="connsiteY1" fmla="*/ 0 h 305317"/>
                <a:gd name="connsiteX2" fmla="*/ 0 w 296476"/>
                <a:gd name="connsiteY2" fmla="*/ 305318 h 305317"/>
                <a:gd name="connsiteX3" fmla="*/ 0 w 296476"/>
                <a:gd name="connsiteY3" fmla="*/ 305318 h 305317"/>
              </a:gdLst>
              <a:ahLst/>
              <a:cxnLst>
                <a:cxn ang="0">
                  <a:pos x="connsiteX0" y="connsiteY0"/>
                </a:cxn>
                <a:cxn ang="0">
                  <a:pos x="connsiteX1" y="connsiteY1"/>
                </a:cxn>
                <a:cxn ang="0">
                  <a:pos x="connsiteX2" y="connsiteY2"/>
                </a:cxn>
                <a:cxn ang="0">
                  <a:pos x="connsiteX3" y="connsiteY3"/>
                </a:cxn>
              </a:cxnLst>
              <a:rect l="l" t="t" r="r" b="b"/>
              <a:pathLst>
                <a:path w="296476" h="305317">
                  <a:moveTo>
                    <a:pt x="0" y="305318"/>
                  </a:moveTo>
                  <a:cubicBezTo>
                    <a:pt x="0" y="305318"/>
                    <a:pt x="282054" y="275120"/>
                    <a:pt x="296477" y="0"/>
                  </a:cubicBezTo>
                  <a:cubicBezTo>
                    <a:pt x="296477" y="0"/>
                    <a:pt x="12130" y="27808"/>
                    <a:pt x="0" y="305318"/>
                  </a:cubicBezTo>
                  <a:lnTo>
                    <a:pt x="0" y="305318"/>
                  </a:lnTo>
                  <a:close/>
                </a:path>
              </a:pathLst>
            </a:custGeom>
            <a:solidFill>
              <a:schemeClr val="accent5"/>
            </a:solidFill>
            <a:ln w="9546" cap="flat">
              <a:noFill/>
              <a:prstDash val="solid"/>
              <a:miter/>
            </a:ln>
          </p:spPr>
          <p:txBody>
            <a:bodyPr rtlCol="0" anchor="ctr"/>
            <a:lstStyle/>
            <a:p>
              <a:endParaRPr lang="en-US"/>
            </a:p>
          </p:txBody>
        </p:sp>
      </p:grpSp>
      <p:sp>
        <p:nvSpPr>
          <p:cNvPr id="3" name="Title 2">
            <a:extLst>
              <a:ext uri="{FF2B5EF4-FFF2-40B4-BE49-F238E27FC236}">
                <a16:creationId xmlns:a16="http://schemas.microsoft.com/office/drawing/2014/main" id="{368571F1-6CD2-D4E5-5576-0D55FB5DAF48}"/>
              </a:ext>
            </a:extLst>
          </p:cNvPr>
          <p:cNvSpPr>
            <a:spLocks noGrp="1"/>
          </p:cNvSpPr>
          <p:nvPr>
            <p:ph type="title"/>
          </p:nvPr>
        </p:nvSpPr>
        <p:spPr/>
        <p:txBody>
          <a:bodyPr/>
          <a:lstStyle/>
          <a:p>
            <a:r>
              <a:rPr lang="en-US" dirty="0"/>
              <a:t>Why a Strategic Plan?</a:t>
            </a:r>
          </a:p>
        </p:txBody>
      </p:sp>
      <p:sp>
        <p:nvSpPr>
          <p:cNvPr id="13" name="Date Placeholder 12">
            <a:extLst>
              <a:ext uri="{FF2B5EF4-FFF2-40B4-BE49-F238E27FC236}">
                <a16:creationId xmlns:a16="http://schemas.microsoft.com/office/drawing/2014/main" id="{30C02D7D-8D1B-7F4F-9844-39CB20849E9B}"/>
              </a:ext>
            </a:extLst>
          </p:cNvPr>
          <p:cNvSpPr>
            <a:spLocks noGrp="1"/>
          </p:cNvSpPr>
          <p:nvPr>
            <p:ph type="dt" sz="half" idx="10"/>
          </p:nvPr>
        </p:nvSpPr>
        <p:spPr/>
        <p:txBody>
          <a:bodyPr/>
          <a:lstStyle/>
          <a:p>
            <a:fld id="{F1914BE4-46F6-7644-9537-E8E0E9DBD3B5}" type="datetime4">
              <a:rPr lang="en-US"/>
              <a:pPr/>
              <a:t>September 8, 2023</a:t>
            </a:fld>
            <a:endParaRPr lang="en-GB" dirty="0"/>
          </a:p>
        </p:txBody>
      </p:sp>
      <p:sp>
        <p:nvSpPr>
          <p:cNvPr id="19" name="Slide Number Placeholder 18">
            <a:extLst>
              <a:ext uri="{FF2B5EF4-FFF2-40B4-BE49-F238E27FC236}">
                <a16:creationId xmlns:a16="http://schemas.microsoft.com/office/drawing/2014/main" id="{77727067-88E4-8448-BCE1-E23222A0C56B}"/>
              </a:ext>
            </a:extLst>
          </p:cNvPr>
          <p:cNvSpPr>
            <a:spLocks noGrp="1"/>
          </p:cNvSpPr>
          <p:nvPr>
            <p:ph type="sldNum" sz="quarter" idx="11"/>
          </p:nvPr>
        </p:nvSpPr>
        <p:spPr/>
        <p:txBody>
          <a:bodyPr/>
          <a:lstStyle/>
          <a:p>
            <a:fld id="{23AA811B-2EBD-4900-905E-5BE206449611}" type="slidenum">
              <a:rPr lang="en-GB"/>
              <a:pPr/>
              <a:t>3</a:t>
            </a:fld>
            <a:endParaRPr lang="en-GB" dirty="0"/>
          </a:p>
        </p:txBody>
      </p:sp>
      <p:sp>
        <p:nvSpPr>
          <p:cNvPr id="2" name="Oval 1"/>
          <p:cNvSpPr/>
          <p:nvPr/>
        </p:nvSpPr>
        <p:spPr bwMode="auto">
          <a:xfrm>
            <a:off x="720001" y="2130812"/>
            <a:ext cx="574609" cy="574609"/>
          </a:xfrm>
          <a:prstGeom prst="ellipse">
            <a:avLst/>
          </a:prstGeom>
          <a:solidFill>
            <a:schemeClr val="accent1"/>
          </a:solidFill>
          <a:ln w="9525">
            <a:noFill/>
            <a:round/>
            <a:headEnd/>
            <a:tailEnd/>
          </a:ln>
        </p:spPr>
        <p:txBody>
          <a:bodyPr vert="horz" wrap="square" lIns="0" tIns="0" rIns="0" bIns="0" numCol="1" rtlCol="0" anchor="ctr" anchorCtr="0" compatLnSpc="1">
            <a:prstTxWarp prst="textNoShape">
              <a:avLst/>
            </a:prstTxWarp>
          </a:bodyPr>
          <a:lstStyle/>
          <a:p>
            <a:pPr algn="ctr"/>
            <a:r>
              <a:rPr lang="en-US" sz="2667" b="1" dirty="0">
                <a:solidFill>
                  <a:schemeClr val="bg1"/>
                </a:solidFill>
              </a:rPr>
              <a:t>01</a:t>
            </a:r>
          </a:p>
        </p:txBody>
      </p:sp>
      <p:sp>
        <p:nvSpPr>
          <p:cNvPr id="9" name="Oval 8"/>
          <p:cNvSpPr/>
          <p:nvPr/>
        </p:nvSpPr>
        <p:spPr bwMode="auto">
          <a:xfrm>
            <a:off x="720001" y="3550996"/>
            <a:ext cx="574609" cy="574609"/>
          </a:xfrm>
          <a:prstGeom prst="ellipse">
            <a:avLst/>
          </a:prstGeom>
          <a:solidFill>
            <a:schemeClr val="accent2"/>
          </a:solidFill>
          <a:ln w="9525">
            <a:noFill/>
            <a:round/>
            <a:headEnd/>
            <a:tailEnd/>
          </a:ln>
        </p:spPr>
        <p:txBody>
          <a:bodyPr vert="horz" wrap="square" lIns="0" tIns="0" rIns="0" bIns="0" numCol="1" rtlCol="0" anchor="ctr" anchorCtr="0" compatLnSpc="1">
            <a:prstTxWarp prst="textNoShape">
              <a:avLst/>
            </a:prstTxWarp>
          </a:bodyPr>
          <a:lstStyle/>
          <a:p>
            <a:pPr algn="ctr"/>
            <a:r>
              <a:rPr lang="en-US" sz="2667" b="1" dirty="0">
                <a:solidFill>
                  <a:schemeClr val="bg1"/>
                </a:solidFill>
              </a:rPr>
              <a:t>02</a:t>
            </a:r>
          </a:p>
        </p:txBody>
      </p:sp>
      <p:sp>
        <p:nvSpPr>
          <p:cNvPr id="12" name="Oval 11"/>
          <p:cNvSpPr/>
          <p:nvPr/>
        </p:nvSpPr>
        <p:spPr bwMode="auto">
          <a:xfrm>
            <a:off x="720001" y="4971180"/>
            <a:ext cx="574609" cy="574609"/>
          </a:xfrm>
          <a:prstGeom prst="ellipse">
            <a:avLst/>
          </a:prstGeom>
          <a:solidFill>
            <a:schemeClr val="accent3"/>
          </a:solidFill>
          <a:ln w="9525">
            <a:noFill/>
            <a:round/>
            <a:headEnd/>
            <a:tailEnd/>
          </a:ln>
        </p:spPr>
        <p:txBody>
          <a:bodyPr vert="horz" wrap="square" lIns="0" tIns="0" rIns="0" bIns="0" numCol="1" rtlCol="0" anchor="ctr" anchorCtr="0" compatLnSpc="1">
            <a:prstTxWarp prst="textNoShape">
              <a:avLst/>
            </a:prstTxWarp>
          </a:bodyPr>
          <a:lstStyle/>
          <a:p>
            <a:pPr algn="ctr"/>
            <a:r>
              <a:rPr lang="en-US" sz="2667" b="1" dirty="0">
                <a:solidFill>
                  <a:schemeClr val="bg1"/>
                </a:solidFill>
              </a:rPr>
              <a:t>03</a:t>
            </a:r>
          </a:p>
        </p:txBody>
      </p:sp>
      <p:sp>
        <p:nvSpPr>
          <p:cNvPr id="18" name="Oval 17"/>
          <p:cNvSpPr/>
          <p:nvPr/>
        </p:nvSpPr>
        <p:spPr bwMode="auto">
          <a:xfrm>
            <a:off x="6275388" y="2130812"/>
            <a:ext cx="574609" cy="574609"/>
          </a:xfrm>
          <a:prstGeom prst="ellipse">
            <a:avLst/>
          </a:prstGeom>
          <a:solidFill>
            <a:schemeClr val="accent1"/>
          </a:solidFill>
          <a:ln w="9525">
            <a:noFill/>
            <a:round/>
            <a:headEnd/>
            <a:tailEnd/>
          </a:ln>
        </p:spPr>
        <p:txBody>
          <a:bodyPr vert="horz" wrap="square" lIns="0" tIns="0" rIns="0" bIns="0" numCol="1" rtlCol="0" anchor="ctr" anchorCtr="0" compatLnSpc="1">
            <a:prstTxWarp prst="textNoShape">
              <a:avLst/>
            </a:prstTxWarp>
          </a:bodyPr>
          <a:lstStyle/>
          <a:p>
            <a:pPr algn="ctr"/>
            <a:r>
              <a:rPr lang="en-US" sz="2667" b="1" dirty="0">
                <a:solidFill>
                  <a:schemeClr val="bg1"/>
                </a:solidFill>
              </a:rPr>
              <a:t>04</a:t>
            </a:r>
          </a:p>
        </p:txBody>
      </p:sp>
      <p:sp>
        <p:nvSpPr>
          <p:cNvPr id="21" name="Oval 20"/>
          <p:cNvSpPr/>
          <p:nvPr/>
        </p:nvSpPr>
        <p:spPr bwMode="auto">
          <a:xfrm>
            <a:off x="6275388" y="3547216"/>
            <a:ext cx="574609" cy="574609"/>
          </a:xfrm>
          <a:prstGeom prst="ellipse">
            <a:avLst/>
          </a:prstGeom>
          <a:solidFill>
            <a:schemeClr val="accent2"/>
          </a:solidFill>
          <a:ln w="9525">
            <a:noFill/>
            <a:round/>
            <a:headEnd/>
            <a:tailEnd/>
          </a:ln>
        </p:spPr>
        <p:txBody>
          <a:bodyPr vert="horz" wrap="square" lIns="0" tIns="0" rIns="0" bIns="0" numCol="1" rtlCol="0" anchor="ctr" anchorCtr="0" compatLnSpc="1">
            <a:prstTxWarp prst="textNoShape">
              <a:avLst/>
            </a:prstTxWarp>
          </a:bodyPr>
          <a:lstStyle/>
          <a:p>
            <a:pPr algn="ctr"/>
            <a:r>
              <a:rPr lang="en-US" sz="2667" b="1" dirty="0">
                <a:solidFill>
                  <a:schemeClr val="bg1"/>
                </a:solidFill>
              </a:rPr>
              <a:t>05</a:t>
            </a:r>
          </a:p>
        </p:txBody>
      </p:sp>
      <p:sp>
        <p:nvSpPr>
          <p:cNvPr id="25" name="Text Placeholder 5">
            <a:extLst>
              <a:ext uri="{FF2B5EF4-FFF2-40B4-BE49-F238E27FC236}">
                <a16:creationId xmlns:a16="http://schemas.microsoft.com/office/drawing/2014/main" id="{26F7BD41-7858-144F-867D-249D0BB31DE7}"/>
              </a:ext>
            </a:extLst>
          </p:cNvPr>
          <p:cNvSpPr txBox="1">
            <a:spLocks/>
          </p:cNvSpPr>
          <p:nvPr/>
        </p:nvSpPr>
        <p:spPr>
          <a:xfrm>
            <a:off x="1644651" y="3586768"/>
            <a:ext cx="3705092" cy="912857"/>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solidFill>
                  <a:schemeClr val="accent2"/>
                </a:solidFill>
                <a:latin typeface="+mj-lt"/>
              </a:rPr>
              <a:t>Organization</a:t>
            </a:r>
          </a:p>
          <a:p>
            <a:r>
              <a:rPr lang="en-US" dirty="0"/>
              <a:t>It brings order to the organization by outlining priorities and steps to follow. This way, everyone knows what needs to be done.</a:t>
            </a:r>
          </a:p>
        </p:txBody>
      </p:sp>
      <p:sp>
        <p:nvSpPr>
          <p:cNvPr id="28" name="Text Placeholder 5">
            <a:extLst>
              <a:ext uri="{FF2B5EF4-FFF2-40B4-BE49-F238E27FC236}">
                <a16:creationId xmlns:a16="http://schemas.microsoft.com/office/drawing/2014/main" id="{B383F502-A8E2-E64E-B17A-47E5D46931B1}"/>
              </a:ext>
            </a:extLst>
          </p:cNvPr>
          <p:cNvSpPr txBox="1">
            <a:spLocks/>
          </p:cNvSpPr>
          <p:nvPr/>
        </p:nvSpPr>
        <p:spPr>
          <a:xfrm>
            <a:off x="1644651" y="5015648"/>
            <a:ext cx="3705092" cy="912857"/>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b="1" dirty="0"/>
              <a:t>Adaptation</a:t>
            </a:r>
            <a:endParaRPr lang="en-US" dirty="0">
              <a:latin typeface="+mj-lt"/>
            </a:endParaRPr>
          </a:p>
          <a:p>
            <a:r>
              <a:rPr lang="en-US" dirty="0"/>
              <a:t>A strategic plan helps an organization be ready for changes and challenges by thinking ahead and making plans to handle them.</a:t>
            </a:r>
          </a:p>
        </p:txBody>
      </p:sp>
      <p:sp>
        <p:nvSpPr>
          <p:cNvPr id="30" name="Text Placeholder 5">
            <a:extLst>
              <a:ext uri="{FF2B5EF4-FFF2-40B4-BE49-F238E27FC236}">
                <a16:creationId xmlns:a16="http://schemas.microsoft.com/office/drawing/2014/main" id="{2302107C-5D0D-A54B-B213-7F01A2ADAEE9}"/>
              </a:ext>
            </a:extLst>
          </p:cNvPr>
          <p:cNvSpPr txBox="1">
            <a:spLocks/>
          </p:cNvSpPr>
          <p:nvPr/>
        </p:nvSpPr>
        <p:spPr>
          <a:xfrm>
            <a:off x="1644651" y="2132855"/>
            <a:ext cx="3705092" cy="937889"/>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solidFill>
                  <a:schemeClr val="accent1"/>
                </a:solidFill>
                <a:latin typeface="+mj-lt"/>
              </a:rPr>
              <a:t>Focus</a:t>
            </a:r>
          </a:p>
          <a:p>
            <a:r>
              <a:rPr lang="en-US" dirty="0"/>
              <a:t>A strategic plan helps an organization know exactly what it wants to achieve, so everyone is working towards the same important goals.</a:t>
            </a:r>
          </a:p>
        </p:txBody>
      </p:sp>
      <p:sp>
        <p:nvSpPr>
          <p:cNvPr id="31" name="Text Placeholder 5">
            <a:extLst>
              <a:ext uri="{FF2B5EF4-FFF2-40B4-BE49-F238E27FC236}">
                <a16:creationId xmlns:a16="http://schemas.microsoft.com/office/drawing/2014/main" id="{98604CEE-8419-6041-B136-0D25521279D1}"/>
              </a:ext>
            </a:extLst>
          </p:cNvPr>
          <p:cNvSpPr txBox="1">
            <a:spLocks/>
          </p:cNvSpPr>
          <p:nvPr/>
        </p:nvSpPr>
        <p:spPr>
          <a:xfrm>
            <a:off x="7215134" y="3556461"/>
            <a:ext cx="3705092" cy="1130729"/>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solidFill>
                  <a:schemeClr val="accent2"/>
                </a:solidFill>
                <a:latin typeface="+mj-lt"/>
              </a:rPr>
              <a:t>Measurement</a:t>
            </a:r>
          </a:p>
          <a:p>
            <a:r>
              <a:rPr lang="en-US" dirty="0"/>
              <a:t>A strategic plan provides a way to measure progress and success, helping the organization see if it's moving in the right direction and making the desired impact.</a:t>
            </a:r>
          </a:p>
        </p:txBody>
      </p:sp>
      <p:sp>
        <p:nvSpPr>
          <p:cNvPr id="34" name="Text Placeholder 5">
            <a:extLst>
              <a:ext uri="{FF2B5EF4-FFF2-40B4-BE49-F238E27FC236}">
                <a16:creationId xmlns:a16="http://schemas.microsoft.com/office/drawing/2014/main" id="{98B16BB3-240A-4444-8AD7-08D61CEA78C8}"/>
              </a:ext>
            </a:extLst>
          </p:cNvPr>
          <p:cNvSpPr txBox="1">
            <a:spLocks/>
          </p:cNvSpPr>
          <p:nvPr/>
        </p:nvSpPr>
        <p:spPr>
          <a:xfrm>
            <a:off x="7215134" y="2132856"/>
            <a:ext cx="3705092" cy="93789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solidFill>
                  <a:schemeClr val="accent1"/>
                </a:solidFill>
                <a:latin typeface="+mj-lt"/>
              </a:rPr>
              <a:t>Communication</a:t>
            </a:r>
          </a:p>
          <a:p>
            <a:r>
              <a:rPr lang="en-US" dirty="0"/>
              <a:t>It improves communication because it gives everyone a clear understanding of the goals and how their work fits into the bigger picture.</a:t>
            </a:r>
          </a:p>
        </p:txBody>
      </p:sp>
    </p:spTree>
    <p:custDataLst>
      <p:custData r:id="rId1"/>
      <p:custData r:id="rId2"/>
    </p:custDataLst>
    <p:extLst>
      <p:ext uri="{BB962C8B-B14F-4D97-AF65-F5344CB8AC3E}">
        <p14:creationId xmlns:p14="http://schemas.microsoft.com/office/powerpoint/2010/main" val="40828192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184" name="Group 183">
            <a:extLst>
              <a:ext uri="{FF2B5EF4-FFF2-40B4-BE49-F238E27FC236}">
                <a16:creationId xmlns:a16="http://schemas.microsoft.com/office/drawing/2014/main" id="{450C41FF-578A-FDCB-551D-0ED72AD62286}"/>
              </a:ext>
            </a:extLst>
          </p:cNvPr>
          <p:cNvGrpSpPr/>
          <p:nvPr/>
        </p:nvGrpSpPr>
        <p:grpSpPr>
          <a:xfrm rot="485301">
            <a:off x="-8841058" y="49918"/>
            <a:ext cx="31905011" cy="10839066"/>
            <a:chOff x="0" y="0"/>
            <a:chExt cx="18594360" cy="6317753"/>
          </a:xfrm>
          <a:solidFill>
            <a:schemeClr val="accent5">
              <a:lumMod val="20000"/>
              <a:lumOff val="80000"/>
              <a:alpha val="30000"/>
            </a:schemeClr>
          </a:solidFill>
        </p:grpSpPr>
        <p:sp>
          <p:nvSpPr>
            <p:cNvPr id="137" name="Freeform 136">
              <a:extLst>
                <a:ext uri="{FF2B5EF4-FFF2-40B4-BE49-F238E27FC236}">
                  <a16:creationId xmlns:a16="http://schemas.microsoft.com/office/drawing/2014/main" id="{BEF3B4AA-EE5B-EA8D-7BC3-BA76F207DA65}"/>
                </a:ext>
              </a:extLst>
            </p:cNvPr>
            <p:cNvSpPr/>
            <p:nvPr/>
          </p:nvSpPr>
          <p:spPr>
            <a:xfrm>
              <a:off x="0" y="0"/>
              <a:ext cx="8925" cy="8929"/>
            </a:xfrm>
            <a:custGeom>
              <a:avLst/>
              <a:gdLst/>
              <a:ahLst/>
              <a:cxnLst/>
              <a:rect l="l" t="t" r="r" b="b"/>
              <a:pathLst>
                <a:path w="8925" h="8929"/>
              </a:pathLst>
            </a:custGeom>
            <a:grpFill/>
            <a:ln w="4281" cap="rnd">
              <a:solidFill>
                <a:srgbClr val="D91C5C"/>
              </a:solidFill>
              <a:prstDash val="solid"/>
              <a:miter/>
            </a:ln>
          </p:spPr>
          <p:txBody>
            <a:bodyPr rtlCol="0" anchor="ctr"/>
            <a:lstStyle/>
            <a:p>
              <a:endParaRPr lang="en-US"/>
            </a:p>
          </p:txBody>
        </p:sp>
        <p:sp>
          <p:nvSpPr>
            <p:cNvPr id="138" name="Freeform 137">
              <a:extLst>
                <a:ext uri="{FF2B5EF4-FFF2-40B4-BE49-F238E27FC236}">
                  <a16:creationId xmlns:a16="http://schemas.microsoft.com/office/drawing/2014/main" id="{5CD165A8-D6F1-2550-8BF1-C22F4C6DD762}"/>
                </a:ext>
              </a:extLst>
            </p:cNvPr>
            <p:cNvSpPr/>
            <p:nvPr/>
          </p:nvSpPr>
          <p:spPr>
            <a:xfrm>
              <a:off x="0" y="0"/>
              <a:ext cx="8925" cy="8929"/>
            </a:xfrm>
            <a:custGeom>
              <a:avLst/>
              <a:gdLst/>
              <a:ahLst/>
              <a:cxnLst/>
              <a:rect l="l" t="t" r="r" b="b"/>
              <a:pathLst>
                <a:path w="8925" h="8929"/>
              </a:pathLst>
            </a:custGeom>
            <a:grpFill/>
            <a:ln w="4281" cap="rnd">
              <a:solidFill>
                <a:srgbClr val="C5583F"/>
              </a:solidFill>
              <a:prstDash val="solid"/>
              <a:miter/>
            </a:ln>
          </p:spPr>
          <p:txBody>
            <a:bodyPr rtlCol="0" anchor="ctr"/>
            <a:lstStyle/>
            <a:p>
              <a:endParaRPr lang="en-US"/>
            </a:p>
          </p:txBody>
        </p:sp>
        <p:sp>
          <p:nvSpPr>
            <p:cNvPr id="139" name="Freeform 138">
              <a:extLst>
                <a:ext uri="{FF2B5EF4-FFF2-40B4-BE49-F238E27FC236}">
                  <a16:creationId xmlns:a16="http://schemas.microsoft.com/office/drawing/2014/main" id="{A4C295B8-D853-FCD7-041B-160BD4B25438}"/>
                </a:ext>
              </a:extLst>
            </p:cNvPr>
            <p:cNvSpPr/>
            <p:nvPr/>
          </p:nvSpPr>
          <p:spPr>
            <a:xfrm>
              <a:off x="0" y="0"/>
              <a:ext cx="8925" cy="8929"/>
            </a:xfrm>
            <a:custGeom>
              <a:avLst/>
              <a:gdLst/>
              <a:ahLst/>
              <a:cxnLst/>
              <a:rect l="l" t="t" r="r" b="b"/>
              <a:pathLst>
                <a:path w="8925" h="8929"/>
              </a:pathLst>
            </a:custGeom>
            <a:grpFill/>
            <a:ln w="4281" cap="rnd">
              <a:solidFill>
                <a:srgbClr val="C5583F"/>
              </a:solidFill>
              <a:prstDash val="solid"/>
              <a:miter/>
            </a:ln>
          </p:spPr>
          <p:txBody>
            <a:bodyPr rtlCol="0" anchor="ctr"/>
            <a:lstStyle/>
            <a:p>
              <a:endParaRPr lang="en-US"/>
            </a:p>
          </p:txBody>
        </p:sp>
        <p:sp>
          <p:nvSpPr>
            <p:cNvPr id="140" name="Freeform 139">
              <a:extLst>
                <a:ext uri="{FF2B5EF4-FFF2-40B4-BE49-F238E27FC236}">
                  <a16:creationId xmlns:a16="http://schemas.microsoft.com/office/drawing/2014/main" id="{E650DFE2-C7A2-B000-2E1B-7676EFD48993}"/>
                </a:ext>
              </a:extLst>
            </p:cNvPr>
            <p:cNvSpPr/>
            <p:nvPr/>
          </p:nvSpPr>
          <p:spPr>
            <a:xfrm>
              <a:off x="0" y="0"/>
              <a:ext cx="8925" cy="8929"/>
            </a:xfrm>
            <a:custGeom>
              <a:avLst/>
              <a:gdLst/>
              <a:ahLst/>
              <a:cxnLst/>
              <a:rect l="l" t="t" r="r" b="b"/>
              <a:pathLst>
                <a:path w="8925" h="8929"/>
              </a:pathLst>
            </a:custGeom>
            <a:grpFill/>
            <a:ln w="4281" cap="rnd">
              <a:solidFill>
                <a:srgbClr val="C5583F"/>
              </a:solidFill>
              <a:prstDash val="solid"/>
              <a:miter/>
            </a:ln>
          </p:spPr>
          <p:txBody>
            <a:bodyPr rtlCol="0" anchor="ctr"/>
            <a:lstStyle/>
            <a:p>
              <a:endParaRPr lang="en-US"/>
            </a:p>
          </p:txBody>
        </p:sp>
        <p:sp>
          <p:nvSpPr>
            <p:cNvPr id="141" name="Freeform 140">
              <a:extLst>
                <a:ext uri="{FF2B5EF4-FFF2-40B4-BE49-F238E27FC236}">
                  <a16:creationId xmlns:a16="http://schemas.microsoft.com/office/drawing/2014/main" id="{38077673-F0AF-423A-5DF1-1E7252C8B2AA}"/>
                </a:ext>
              </a:extLst>
            </p:cNvPr>
            <p:cNvSpPr/>
            <p:nvPr/>
          </p:nvSpPr>
          <p:spPr>
            <a:xfrm>
              <a:off x="0" y="0"/>
              <a:ext cx="8925" cy="8929"/>
            </a:xfrm>
            <a:custGeom>
              <a:avLst/>
              <a:gdLst/>
              <a:ahLst/>
              <a:cxnLst/>
              <a:rect l="l" t="t" r="r" b="b"/>
              <a:pathLst>
                <a:path w="8925" h="8929"/>
              </a:pathLst>
            </a:custGeom>
            <a:grpFill/>
            <a:ln w="4281" cap="rnd">
              <a:solidFill>
                <a:srgbClr val="C5583F"/>
              </a:solidFill>
              <a:prstDash val="solid"/>
              <a:miter/>
            </a:ln>
          </p:spPr>
          <p:txBody>
            <a:bodyPr rtlCol="0" anchor="ctr"/>
            <a:lstStyle/>
            <a:p>
              <a:endParaRPr lang="en-US"/>
            </a:p>
          </p:txBody>
        </p:sp>
        <p:sp>
          <p:nvSpPr>
            <p:cNvPr id="142" name="Freeform 141">
              <a:extLst>
                <a:ext uri="{FF2B5EF4-FFF2-40B4-BE49-F238E27FC236}">
                  <a16:creationId xmlns:a16="http://schemas.microsoft.com/office/drawing/2014/main" id="{B009C177-2C10-3E4B-43C6-4A6EBAF4395B}"/>
                </a:ext>
              </a:extLst>
            </p:cNvPr>
            <p:cNvSpPr/>
            <p:nvPr/>
          </p:nvSpPr>
          <p:spPr>
            <a:xfrm>
              <a:off x="0" y="0"/>
              <a:ext cx="8925" cy="8929"/>
            </a:xfrm>
            <a:custGeom>
              <a:avLst/>
              <a:gdLst/>
              <a:ahLst/>
              <a:cxnLst/>
              <a:rect l="l" t="t" r="r" b="b"/>
              <a:pathLst>
                <a:path w="8925" h="8929"/>
              </a:pathLst>
            </a:custGeom>
            <a:grpFill/>
            <a:ln w="4281" cap="rnd">
              <a:solidFill>
                <a:srgbClr val="C5583F"/>
              </a:solidFill>
              <a:prstDash val="solid"/>
              <a:miter/>
            </a:ln>
          </p:spPr>
          <p:txBody>
            <a:bodyPr rtlCol="0" anchor="ctr"/>
            <a:lstStyle/>
            <a:p>
              <a:endParaRPr lang="en-US"/>
            </a:p>
          </p:txBody>
        </p:sp>
        <p:sp>
          <p:nvSpPr>
            <p:cNvPr id="143" name="Freeform 142">
              <a:extLst>
                <a:ext uri="{FF2B5EF4-FFF2-40B4-BE49-F238E27FC236}">
                  <a16:creationId xmlns:a16="http://schemas.microsoft.com/office/drawing/2014/main" id="{7BFF2767-0428-27BD-B518-C974F3B47AA5}"/>
                </a:ext>
              </a:extLst>
            </p:cNvPr>
            <p:cNvSpPr/>
            <p:nvPr/>
          </p:nvSpPr>
          <p:spPr>
            <a:xfrm>
              <a:off x="0" y="0"/>
              <a:ext cx="8925" cy="8929"/>
            </a:xfrm>
            <a:custGeom>
              <a:avLst/>
              <a:gdLst/>
              <a:ahLst/>
              <a:cxnLst/>
              <a:rect l="l" t="t" r="r" b="b"/>
              <a:pathLst>
                <a:path w="8925" h="8929"/>
              </a:pathLst>
            </a:custGeom>
            <a:grpFill/>
            <a:ln w="4281" cap="rnd">
              <a:solidFill>
                <a:srgbClr val="C5583F"/>
              </a:solidFill>
              <a:prstDash val="solid"/>
              <a:miter/>
            </a:ln>
          </p:spPr>
          <p:txBody>
            <a:bodyPr rtlCol="0" anchor="ctr"/>
            <a:lstStyle/>
            <a:p>
              <a:endParaRPr lang="en-US"/>
            </a:p>
          </p:txBody>
        </p:sp>
        <p:grpSp>
          <p:nvGrpSpPr>
            <p:cNvPr id="144" name="Picture Placeholder 134">
              <a:extLst>
                <a:ext uri="{FF2B5EF4-FFF2-40B4-BE49-F238E27FC236}">
                  <a16:creationId xmlns:a16="http://schemas.microsoft.com/office/drawing/2014/main" id="{E1A31434-8CC5-CDDE-0904-62A85D8E527B}"/>
                </a:ext>
              </a:extLst>
            </p:cNvPr>
            <p:cNvGrpSpPr/>
            <p:nvPr/>
          </p:nvGrpSpPr>
          <p:grpSpPr>
            <a:xfrm>
              <a:off x="3744993" y="1101024"/>
              <a:ext cx="14849367" cy="2949481"/>
              <a:chOff x="3744993" y="1101024"/>
              <a:chExt cx="14849367" cy="2949481"/>
            </a:xfrm>
            <a:grpFill/>
          </p:grpSpPr>
          <p:sp>
            <p:nvSpPr>
              <p:cNvPr id="145" name="Freeform 144">
                <a:extLst>
                  <a:ext uri="{FF2B5EF4-FFF2-40B4-BE49-F238E27FC236}">
                    <a16:creationId xmlns:a16="http://schemas.microsoft.com/office/drawing/2014/main" id="{7E7AD996-0631-D7B4-C077-DFD9E68E592A}"/>
                  </a:ext>
                </a:extLst>
              </p:cNvPr>
              <p:cNvSpPr/>
              <p:nvPr/>
            </p:nvSpPr>
            <p:spPr>
              <a:xfrm>
                <a:off x="3744993" y="2612369"/>
                <a:ext cx="539971" cy="248999"/>
              </a:xfrm>
              <a:custGeom>
                <a:avLst/>
                <a:gdLst>
                  <a:gd name="connsiteX0" fmla="*/ 539972 w 539971"/>
                  <a:gd name="connsiteY0" fmla="*/ 36176 h 248999"/>
                  <a:gd name="connsiteX1" fmla="*/ 0 w 539971"/>
                  <a:gd name="connsiteY1" fmla="*/ 211198 h 248999"/>
                  <a:gd name="connsiteX2" fmla="*/ 539972 w 539971"/>
                  <a:gd name="connsiteY2" fmla="*/ 36176 h 248999"/>
                </a:gdLst>
                <a:ahLst/>
                <a:cxnLst>
                  <a:cxn ang="0">
                    <a:pos x="connsiteX0" y="connsiteY0"/>
                  </a:cxn>
                  <a:cxn ang="0">
                    <a:pos x="connsiteX1" y="connsiteY1"/>
                  </a:cxn>
                  <a:cxn ang="0">
                    <a:pos x="connsiteX2" y="connsiteY2"/>
                  </a:cxn>
                </a:cxnLst>
                <a:rect l="l" t="t" r="r" b="b"/>
                <a:pathLst>
                  <a:path w="539971" h="248999">
                    <a:moveTo>
                      <a:pt x="539972" y="36176"/>
                    </a:moveTo>
                    <a:cubicBezTo>
                      <a:pt x="539972" y="36176"/>
                      <a:pt x="190106" y="-118308"/>
                      <a:pt x="0" y="211198"/>
                    </a:cubicBezTo>
                    <a:cubicBezTo>
                      <a:pt x="0" y="211198"/>
                      <a:pt x="351651" y="370146"/>
                      <a:pt x="539972" y="36176"/>
                    </a:cubicBezTo>
                    <a:close/>
                  </a:path>
                </a:pathLst>
              </a:custGeom>
              <a:grpFill/>
              <a:ln w="2970" cap="flat">
                <a:noFill/>
                <a:prstDash val="solid"/>
                <a:miter/>
              </a:ln>
            </p:spPr>
            <p:txBody>
              <a:bodyPr rtlCol="0" anchor="ctr"/>
              <a:lstStyle/>
              <a:p>
                <a:endParaRPr lang="en-US"/>
              </a:p>
            </p:txBody>
          </p:sp>
          <p:sp>
            <p:nvSpPr>
              <p:cNvPr id="146" name="Freeform 145">
                <a:extLst>
                  <a:ext uri="{FF2B5EF4-FFF2-40B4-BE49-F238E27FC236}">
                    <a16:creationId xmlns:a16="http://schemas.microsoft.com/office/drawing/2014/main" id="{3056DA0D-50E8-D2F3-D949-8954DE5335C4}"/>
                  </a:ext>
                </a:extLst>
              </p:cNvPr>
              <p:cNvSpPr/>
              <p:nvPr/>
            </p:nvSpPr>
            <p:spPr>
              <a:xfrm>
                <a:off x="4295074" y="2670869"/>
                <a:ext cx="147877" cy="350936"/>
              </a:xfrm>
              <a:custGeom>
                <a:avLst/>
                <a:gdLst>
                  <a:gd name="connsiteX0" fmla="*/ 109487 w 147877"/>
                  <a:gd name="connsiteY0" fmla="*/ 350937 h 350936"/>
                  <a:gd name="connsiteX1" fmla="*/ 39871 w 147877"/>
                  <a:gd name="connsiteY1" fmla="*/ 0 h 350936"/>
                  <a:gd name="connsiteX2" fmla="*/ 109487 w 147877"/>
                  <a:gd name="connsiteY2" fmla="*/ 350937 h 350936"/>
                </a:gdLst>
                <a:ahLst/>
                <a:cxnLst>
                  <a:cxn ang="0">
                    <a:pos x="connsiteX0" y="connsiteY0"/>
                  </a:cxn>
                  <a:cxn ang="0">
                    <a:pos x="connsiteX1" y="connsiteY1"/>
                  </a:cxn>
                  <a:cxn ang="0">
                    <a:pos x="connsiteX2" y="connsiteY2"/>
                  </a:cxn>
                </a:cxnLst>
                <a:rect l="l" t="t" r="r" b="b"/>
                <a:pathLst>
                  <a:path w="147877" h="350936">
                    <a:moveTo>
                      <a:pt x="109487" y="350937"/>
                    </a:moveTo>
                    <a:cubicBezTo>
                      <a:pt x="109487" y="350937"/>
                      <a:pt x="231762" y="142875"/>
                      <a:pt x="39871" y="0"/>
                    </a:cubicBezTo>
                    <a:cubicBezTo>
                      <a:pt x="39871" y="0"/>
                      <a:pt x="-85974" y="208062"/>
                      <a:pt x="109487" y="350937"/>
                    </a:cubicBezTo>
                    <a:close/>
                  </a:path>
                </a:pathLst>
              </a:custGeom>
              <a:grpFill/>
              <a:ln w="2970" cap="flat">
                <a:noFill/>
                <a:prstDash val="solid"/>
                <a:miter/>
              </a:ln>
            </p:spPr>
            <p:txBody>
              <a:bodyPr rtlCol="0" anchor="ctr"/>
              <a:lstStyle/>
              <a:p>
                <a:endParaRPr lang="en-US"/>
              </a:p>
            </p:txBody>
          </p:sp>
          <p:sp>
            <p:nvSpPr>
              <p:cNvPr id="147" name="Freeform 146">
                <a:extLst>
                  <a:ext uri="{FF2B5EF4-FFF2-40B4-BE49-F238E27FC236}">
                    <a16:creationId xmlns:a16="http://schemas.microsoft.com/office/drawing/2014/main" id="{78A1EA06-7852-1356-8D5E-01D75D134E5A}"/>
                  </a:ext>
                </a:extLst>
              </p:cNvPr>
              <p:cNvSpPr/>
              <p:nvPr/>
            </p:nvSpPr>
            <p:spPr>
              <a:xfrm>
                <a:off x="4846356" y="1470759"/>
                <a:ext cx="556036" cy="242762"/>
              </a:xfrm>
              <a:custGeom>
                <a:avLst/>
                <a:gdLst>
                  <a:gd name="connsiteX0" fmla="*/ 556037 w 556036"/>
                  <a:gd name="connsiteY0" fmla="*/ 176768 h 242762"/>
                  <a:gd name="connsiteX1" fmla="*/ 0 w 556036"/>
                  <a:gd name="connsiteY1" fmla="*/ 64254 h 242762"/>
                  <a:gd name="connsiteX2" fmla="*/ 556037 w 556036"/>
                  <a:gd name="connsiteY2" fmla="*/ 176768 h 242762"/>
                </a:gdLst>
                <a:ahLst/>
                <a:cxnLst>
                  <a:cxn ang="0">
                    <a:pos x="connsiteX0" y="connsiteY0"/>
                  </a:cxn>
                  <a:cxn ang="0">
                    <a:pos x="connsiteX1" y="connsiteY1"/>
                  </a:cxn>
                  <a:cxn ang="0">
                    <a:pos x="connsiteX2" y="connsiteY2"/>
                  </a:cxn>
                </a:cxnLst>
                <a:rect l="l" t="t" r="r" b="b"/>
                <a:pathLst>
                  <a:path w="556036" h="242762">
                    <a:moveTo>
                      <a:pt x="556037" y="176768"/>
                    </a:moveTo>
                    <a:cubicBezTo>
                      <a:pt x="556037" y="176768"/>
                      <a:pt x="326660" y="-129520"/>
                      <a:pt x="0" y="64254"/>
                    </a:cubicBezTo>
                    <a:cubicBezTo>
                      <a:pt x="0" y="63361"/>
                      <a:pt x="228484" y="375007"/>
                      <a:pt x="556037" y="176768"/>
                    </a:cubicBezTo>
                    <a:close/>
                  </a:path>
                </a:pathLst>
              </a:custGeom>
              <a:grpFill/>
              <a:ln w="2970" cap="flat">
                <a:noFill/>
                <a:prstDash val="solid"/>
                <a:miter/>
              </a:ln>
            </p:spPr>
            <p:txBody>
              <a:bodyPr rtlCol="0" anchor="ctr"/>
              <a:lstStyle/>
              <a:p>
                <a:endParaRPr lang="en-US"/>
              </a:p>
            </p:txBody>
          </p:sp>
          <p:sp>
            <p:nvSpPr>
              <p:cNvPr id="148" name="Freeform 147">
                <a:extLst>
                  <a:ext uri="{FF2B5EF4-FFF2-40B4-BE49-F238E27FC236}">
                    <a16:creationId xmlns:a16="http://schemas.microsoft.com/office/drawing/2014/main" id="{018097FB-C371-DA03-53F5-1149F0854BFF}"/>
                  </a:ext>
                </a:extLst>
              </p:cNvPr>
              <p:cNvSpPr/>
              <p:nvPr/>
            </p:nvSpPr>
            <p:spPr>
              <a:xfrm>
                <a:off x="8252194" y="3434563"/>
                <a:ext cx="290067" cy="141272"/>
              </a:xfrm>
              <a:custGeom>
                <a:avLst/>
                <a:gdLst>
                  <a:gd name="connsiteX0" fmla="*/ 290067 w 290067"/>
                  <a:gd name="connsiteY0" fmla="*/ 14975 h 141272"/>
                  <a:gd name="connsiteX1" fmla="*/ 0 w 290067"/>
                  <a:gd name="connsiteY1" fmla="*/ 125703 h 141272"/>
                  <a:gd name="connsiteX2" fmla="*/ 290067 w 290067"/>
                  <a:gd name="connsiteY2" fmla="*/ 14975 h 141272"/>
                </a:gdLst>
                <a:ahLst/>
                <a:cxnLst>
                  <a:cxn ang="0">
                    <a:pos x="connsiteX0" y="connsiteY0"/>
                  </a:cxn>
                  <a:cxn ang="0">
                    <a:pos x="connsiteX1" y="connsiteY1"/>
                  </a:cxn>
                  <a:cxn ang="0">
                    <a:pos x="connsiteX2" y="connsiteY2"/>
                  </a:cxn>
                </a:cxnLst>
                <a:rect l="l" t="t" r="r" b="b"/>
                <a:pathLst>
                  <a:path w="290067" h="141272">
                    <a:moveTo>
                      <a:pt x="290067" y="14975"/>
                    </a:moveTo>
                    <a:cubicBezTo>
                      <a:pt x="290067" y="14975"/>
                      <a:pt x="94607" y="-60035"/>
                      <a:pt x="0" y="125703"/>
                    </a:cubicBezTo>
                    <a:cubicBezTo>
                      <a:pt x="0" y="125703"/>
                      <a:pt x="196353" y="202498"/>
                      <a:pt x="290067" y="14975"/>
                    </a:cubicBezTo>
                    <a:close/>
                  </a:path>
                </a:pathLst>
              </a:custGeom>
              <a:grpFill/>
              <a:ln w="2970" cap="flat">
                <a:noFill/>
                <a:prstDash val="solid"/>
                <a:miter/>
              </a:ln>
            </p:spPr>
            <p:txBody>
              <a:bodyPr rtlCol="0" anchor="ctr"/>
              <a:lstStyle/>
              <a:p>
                <a:endParaRPr lang="en-US"/>
              </a:p>
            </p:txBody>
          </p:sp>
          <p:sp>
            <p:nvSpPr>
              <p:cNvPr id="149" name="Freeform 148">
                <a:extLst>
                  <a:ext uri="{FF2B5EF4-FFF2-40B4-BE49-F238E27FC236}">
                    <a16:creationId xmlns:a16="http://schemas.microsoft.com/office/drawing/2014/main" id="{45571CF6-EEF5-6180-85E8-396D6BF48503}"/>
                  </a:ext>
                </a:extLst>
              </p:cNvPr>
              <p:cNvSpPr/>
              <p:nvPr/>
            </p:nvSpPr>
            <p:spPr>
              <a:xfrm>
                <a:off x="7267750" y="3612459"/>
                <a:ext cx="411449" cy="190801"/>
              </a:xfrm>
              <a:custGeom>
                <a:avLst/>
                <a:gdLst>
                  <a:gd name="connsiteX0" fmla="*/ 411450 w 411449"/>
                  <a:gd name="connsiteY0" fmla="*/ 152296 h 190801"/>
                  <a:gd name="connsiteX1" fmla="*/ 0 w 411449"/>
                  <a:gd name="connsiteY1" fmla="*/ 37103 h 190801"/>
                  <a:gd name="connsiteX2" fmla="*/ 411450 w 411449"/>
                  <a:gd name="connsiteY2" fmla="*/ 152296 h 190801"/>
                </a:gdLst>
                <a:ahLst/>
                <a:cxnLst>
                  <a:cxn ang="0">
                    <a:pos x="connsiteX0" y="connsiteY0"/>
                  </a:cxn>
                  <a:cxn ang="0">
                    <a:pos x="connsiteX1" y="connsiteY1"/>
                  </a:cxn>
                  <a:cxn ang="0">
                    <a:pos x="connsiteX2" y="connsiteY2"/>
                  </a:cxn>
                </a:cxnLst>
                <a:rect l="l" t="t" r="r" b="b"/>
                <a:pathLst>
                  <a:path w="411449" h="190801">
                    <a:moveTo>
                      <a:pt x="411450" y="152296"/>
                    </a:moveTo>
                    <a:cubicBezTo>
                      <a:pt x="411450" y="152296"/>
                      <a:pt x="256152" y="-90591"/>
                      <a:pt x="0" y="37103"/>
                    </a:cubicBezTo>
                    <a:cubicBezTo>
                      <a:pt x="0" y="37103"/>
                      <a:pt x="154405" y="283563"/>
                      <a:pt x="411450" y="152296"/>
                    </a:cubicBezTo>
                    <a:close/>
                  </a:path>
                </a:pathLst>
              </a:custGeom>
              <a:grpFill/>
              <a:ln w="2970" cap="flat">
                <a:noFill/>
                <a:prstDash val="solid"/>
                <a:miter/>
              </a:ln>
            </p:spPr>
            <p:txBody>
              <a:bodyPr rtlCol="0" anchor="ctr"/>
              <a:lstStyle/>
              <a:p>
                <a:endParaRPr lang="en-US"/>
              </a:p>
            </p:txBody>
          </p:sp>
          <p:sp>
            <p:nvSpPr>
              <p:cNvPr id="150" name="Freeform 149">
                <a:extLst>
                  <a:ext uri="{FF2B5EF4-FFF2-40B4-BE49-F238E27FC236}">
                    <a16:creationId xmlns:a16="http://schemas.microsoft.com/office/drawing/2014/main" id="{4C79766A-8281-EEA9-C2D8-848F1E67C8DF}"/>
                  </a:ext>
                </a:extLst>
              </p:cNvPr>
              <p:cNvSpPr/>
              <p:nvPr/>
            </p:nvSpPr>
            <p:spPr>
              <a:xfrm>
                <a:off x="5047372" y="3629024"/>
                <a:ext cx="180157" cy="421481"/>
              </a:xfrm>
              <a:custGeom>
                <a:avLst/>
                <a:gdLst>
                  <a:gd name="connsiteX0" fmla="*/ 55136 w 180157"/>
                  <a:gd name="connsiteY0" fmla="*/ 421481 h 421481"/>
                  <a:gd name="connsiteX1" fmla="*/ 126537 w 180157"/>
                  <a:gd name="connsiteY1" fmla="*/ 0 h 421481"/>
                  <a:gd name="connsiteX2" fmla="*/ 55136 w 180157"/>
                  <a:gd name="connsiteY2" fmla="*/ 421481 h 421481"/>
                </a:gdLst>
                <a:ahLst/>
                <a:cxnLst>
                  <a:cxn ang="0">
                    <a:pos x="connsiteX0" y="connsiteY0"/>
                  </a:cxn>
                  <a:cxn ang="0">
                    <a:pos x="connsiteX1" y="connsiteY1"/>
                  </a:cxn>
                  <a:cxn ang="0">
                    <a:pos x="connsiteX2" y="connsiteY2"/>
                  </a:cxn>
                </a:cxnLst>
                <a:rect l="l" t="t" r="r" b="b"/>
                <a:pathLst>
                  <a:path w="180157" h="421481">
                    <a:moveTo>
                      <a:pt x="55136" y="421481"/>
                    </a:moveTo>
                    <a:cubicBezTo>
                      <a:pt x="55136" y="421481"/>
                      <a:pt x="280050" y="241102"/>
                      <a:pt x="126537" y="0"/>
                    </a:cubicBezTo>
                    <a:cubicBezTo>
                      <a:pt x="126537" y="0"/>
                      <a:pt x="-101947" y="178594"/>
                      <a:pt x="55136" y="421481"/>
                    </a:cubicBezTo>
                    <a:close/>
                  </a:path>
                </a:pathLst>
              </a:custGeom>
              <a:grpFill/>
              <a:ln w="2970" cap="flat">
                <a:noFill/>
                <a:prstDash val="solid"/>
                <a:miter/>
              </a:ln>
            </p:spPr>
            <p:txBody>
              <a:bodyPr rtlCol="0" anchor="ctr"/>
              <a:lstStyle/>
              <a:p>
                <a:endParaRPr lang="en-US"/>
              </a:p>
            </p:txBody>
          </p:sp>
          <p:sp>
            <p:nvSpPr>
              <p:cNvPr id="151" name="Freeform 150">
                <a:extLst>
                  <a:ext uri="{FF2B5EF4-FFF2-40B4-BE49-F238E27FC236}">
                    <a16:creationId xmlns:a16="http://schemas.microsoft.com/office/drawing/2014/main" id="{7DCE56BA-C519-66D2-BE02-EC4FB7F32E94}"/>
                  </a:ext>
                </a:extLst>
              </p:cNvPr>
              <p:cNvSpPr/>
              <p:nvPr/>
            </p:nvSpPr>
            <p:spPr>
              <a:xfrm>
                <a:off x="5784390" y="1572377"/>
                <a:ext cx="342726" cy="223226"/>
              </a:xfrm>
              <a:custGeom>
                <a:avLst/>
                <a:gdLst>
                  <a:gd name="connsiteX0" fmla="*/ 342726 w 342726"/>
                  <a:gd name="connsiteY0" fmla="*/ 216239 h 223226"/>
                  <a:gd name="connsiteX1" fmla="*/ 0 w 342726"/>
                  <a:gd name="connsiteY1" fmla="*/ 6391 h 223226"/>
                  <a:gd name="connsiteX2" fmla="*/ 342726 w 342726"/>
                  <a:gd name="connsiteY2" fmla="*/ 216239 h 223226"/>
                </a:gdLst>
                <a:ahLst/>
                <a:cxnLst>
                  <a:cxn ang="0">
                    <a:pos x="connsiteX0" y="connsiteY0"/>
                  </a:cxn>
                  <a:cxn ang="0">
                    <a:pos x="connsiteX1" y="connsiteY1"/>
                  </a:cxn>
                  <a:cxn ang="0">
                    <a:pos x="connsiteX2" y="connsiteY2"/>
                  </a:cxn>
                </a:cxnLst>
                <a:rect l="l" t="t" r="r" b="b"/>
                <a:pathLst>
                  <a:path w="342726" h="223226">
                    <a:moveTo>
                      <a:pt x="342726" y="216239"/>
                    </a:moveTo>
                    <a:cubicBezTo>
                      <a:pt x="342726" y="216239"/>
                      <a:pt x="264185" y="-43615"/>
                      <a:pt x="0" y="6391"/>
                    </a:cubicBezTo>
                    <a:cubicBezTo>
                      <a:pt x="0" y="6391"/>
                      <a:pt x="76757" y="268924"/>
                      <a:pt x="342726" y="216239"/>
                    </a:cubicBezTo>
                    <a:close/>
                  </a:path>
                </a:pathLst>
              </a:custGeom>
              <a:grpFill/>
              <a:ln w="2970" cap="flat">
                <a:noFill/>
                <a:prstDash val="solid"/>
                <a:miter/>
              </a:ln>
            </p:spPr>
            <p:txBody>
              <a:bodyPr rtlCol="0" anchor="ctr"/>
              <a:lstStyle/>
              <a:p>
                <a:endParaRPr lang="en-US"/>
              </a:p>
            </p:txBody>
          </p:sp>
          <p:sp>
            <p:nvSpPr>
              <p:cNvPr id="152" name="Freeform 151">
                <a:extLst>
                  <a:ext uri="{FF2B5EF4-FFF2-40B4-BE49-F238E27FC236}">
                    <a16:creationId xmlns:a16="http://schemas.microsoft.com/office/drawing/2014/main" id="{923ED961-F6F9-D64C-6244-B0A432E108B6}"/>
                  </a:ext>
                </a:extLst>
              </p:cNvPr>
              <p:cNvSpPr/>
              <p:nvPr/>
            </p:nvSpPr>
            <p:spPr>
              <a:xfrm>
                <a:off x="5293450" y="1685925"/>
                <a:ext cx="164227" cy="340221"/>
              </a:xfrm>
              <a:custGeom>
                <a:avLst/>
                <a:gdLst>
                  <a:gd name="connsiteX0" fmla="*/ 26832 w 164227"/>
                  <a:gd name="connsiteY0" fmla="*/ 340221 h 340221"/>
                  <a:gd name="connsiteX1" fmla="*/ 138396 w 164227"/>
                  <a:gd name="connsiteY1" fmla="*/ 0 h 340221"/>
                  <a:gd name="connsiteX2" fmla="*/ 26832 w 164227"/>
                  <a:gd name="connsiteY2" fmla="*/ 340221 h 340221"/>
                </a:gdLst>
                <a:ahLst/>
                <a:cxnLst>
                  <a:cxn ang="0">
                    <a:pos x="connsiteX0" y="connsiteY0"/>
                  </a:cxn>
                  <a:cxn ang="0">
                    <a:pos x="connsiteX1" y="connsiteY1"/>
                  </a:cxn>
                  <a:cxn ang="0">
                    <a:pos x="connsiteX2" y="connsiteY2"/>
                  </a:cxn>
                </a:cxnLst>
                <a:rect l="l" t="t" r="r" b="b"/>
                <a:pathLst>
                  <a:path w="164227" h="340221">
                    <a:moveTo>
                      <a:pt x="26832" y="340221"/>
                    </a:moveTo>
                    <a:cubicBezTo>
                      <a:pt x="26832" y="340221"/>
                      <a:pt x="235681" y="218777"/>
                      <a:pt x="138396" y="0"/>
                    </a:cubicBezTo>
                    <a:cubicBezTo>
                      <a:pt x="138396" y="893"/>
                      <a:pt x="-73129" y="120551"/>
                      <a:pt x="26832" y="340221"/>
                    </a:cubicBezTo>
                    <a:close/>
                  </a:path>
                </a:pathLst>
              </a:custGeom>
              <a:grpFill/>
              <a:ln w="2970" cap="flat">
                <a:noFill/>
                <a:prstDash val="solid"/>
                <a:miter/>
              </a:ln>
            </p:spPr>
            <p:txBody>
              <a:bodyPr rtlCol="0" anchor="ctr"/>
              <a:lstStyle/>
              <a:p>
                <a:endParaRPr lang="en-US"/>
              </a:p>
            </p:txBody>
          </p:sp>
          <p:sp>
            <p:nvSpPr>
              <p:cNvPr id="153" name="Freeform 152">
                <a:extLst>
                  <a:ext uri="{FF2B5EF4-FFF2-40B4-BE49-F238E27FC236}">
                    <a16:creationId xmlns:a16="http://schemas.microsoft.com/office/drawing/2014/main" id="{FC47B38F-C6C2-B2E2-C3B5-EBF360ABEBB0}"/>
                  </a:ext>
                </a:extLst>
              </p:cNvPr>
              <p:cNvSpPr/>
              <p:nvPr/>
            </p:nvSpPr>
            <p:spPr>
              <a:xfrm>
                <a:off x="7074074" y="2928635"/>
                <a:ext cx="567639" cy="228509"/>
              </a:xfrm>
              <a:custGeom>
                <a:avLst/>
                <a:gdLst>
                  <a:gd name="connsiteX0" fmla="*/ 0 w 567639"/>
                  <a:gd name="connsiteY0" fmla="*/ 111923 h 228509"/>
                  <a:gd name="connsiteX1" fmla="*/ 567640 w 567639"/>
                  <a:gd name="connsiteY1" fmla="*/ 114602 h 228509"/>
                  <a:gd name="connsiteX2" fmla="*/ 0 w 567639"/>
                  <a:gd name="connsiteY2" fmla="*/ 111923 h 228509"/>
                </a:gdLst>
                <a:ahLst/>
                <a:cxnLst>
                  <a:cxn ang="0">
                    <a:pos x="connsiteX0" y="connsiteY0"/>
                  </a:cxn>
                  <a:cxn ang="0">
                    <a:pos x="connsiteX1" y="connsiteY1"/>
                  </a:cxn>
                  <a:cxn ang="0">
                    <a:pos x="connsiteX2" y="connsiteY2"/>
                  </a:cxn>
                </a:cxnLst>
                <a:rect l="l" t="t" r="r" b="b"/>
                <a:pathLst>
                  <a:path w="567639" h="228509">
                    <a:moveTo>
                      <a:pt x="0" y="111923"/>
                    </a:moveTo>
                    <a:cubicBezTo>
                      <a:pt x="0" y="111923"/>
                      <a:pt x="286498" y="-141680"/>
                      <a:pt x="567640" y="114602"/>
                    </a:cubicBezTo>
                    <a:cubicBezTo>
                      <a:pt x="567640" y="114602"/>
                      <a:pt x="280250" y="372670"/>
                      <a:pt x="0" y="111923"/>
                    </a:cubicBezTo>
                    <a:close/>
                  </a:path>
                </a:pathLst>
              </a:custGeom>
              <a:grpFill/>
              <a:ln w="2970" cap="flat">
                <a:noFill/>
                <a:prstDash val="solid"/>
                <a:miter/>
              </a:ln>
            </p:spPr>
            <p:txBody>
              <a:bodyPr rtlCol="0" anchor="ctr"/>
              <a:lstStyle/>
              <a:p>
                <a:endParaRPr lang="en-US"/>
              </a:p>
            </p:txBody>
          </p:sp>
          <p:sp>
            <p:nvSpPr>
              <p:cNvPr id="154" name="Freeform 153">
                <a:extLst>
                  <a:ext uri="{FF2B5EF4-FFF2-40B4-BE49-F238E27FC236}">
                    <a16:creationId xmlns:a16="http://schemas.microsoft.com/office/drawing/2014/main" id="{963E8113-4DE3-AB7B-187A-47E49891E6A8}"/>
                  </a:ext>
                </a:extLst>
              </p:cNvPr>
              <p:cNvSpPr/>
              <p:nvPr/>
            </p:nvSpPr>
            <p:spPr>
              <a:xfrm>
                <a:off x="8128135" y="3630205"/>
                <a:ext cx="566747" cy="228213"/>
              </a:xfrm>
              <a:custGeom>
                <a:avLst/>
                <a:gdLst>
                  <a:gd name="connsiteX0" fmla="*/ 0 w 566747"/>
                  <a:gd name="connsiteY0" fmla="*/ 97046 h 228213"/>
                  <a:gd name="connsiteX1" fmla="*/ 566747 w 566747"/>
                  <a:gd name="connsiteY1" fmla="*/ 129193 h 228213"/>
                  <a:gd name="connsiteX2" fmla="*/ 0 w 566747"/>
                  <a:gd name="connsiteY2" fmla="*/ 97046 h 228213"/>
                </a:gdLst>
                <a:ahLst/>
                <a:cxnLst>
                  <a:cxn ang="0">
                    <a:pos x="connsiteX0" y="connsiteY0"/>
                  </a:cxn>
                  <a:cxn ang="0">
                    <a:pos x="connsiteX1" y="connsiteY1"/>
                  </a:cxn>
                  <a:cxn ang="0">
                    <a:pos x="connsiteX2" y="connsiteY2"/>
                  </a:cxn>
                </a:cxnLst>
                <a:rect l="l" t="t" r="r" b="b"/>
                <a:pathLst>
                  <a:path w="566747" h="228213">
                    <a:moveTo>
                      <a:pt x="0" y="97046"/>
                    </a:moveTo>
                    <a:cubicBezTo>
                      <a:pt x="0" y="97046"/>
                      <a:pt x="299885" y="-141376"/>
                      <a:pt x="566747" y="129193"/>
                    </a:cubicBezTo>
                    <a:cubicBezTo>
                      <a:pt x="566747" y="129193"/>
                      <a:pt x="266862" y="372081"/>
                      <a:pt x="0" y="97046"/>
                    </a:cubicBezTo>
                    <a:close/>
                  </a:path>
                </a:pathLst>
              </a:custGeom>
              <a:grpFill/>
              <a:ln w="2970" cap="flat">
                <a:noFill/>
                <a:prstDash val="solid"/>
                <a:miter/>
              </a:ln>
            </p:spPr>
            <p:txBody>
              <a:bodyPr rtlCol="0" anchor="ctr"/>
              <a:lstStyle/>
              <a:p>
                <a:endParaRPr lang="en-US"/>
              </a:p>
            </p:txBody>
          </p:sp>
          <p:sp>
            <p:nvSpPr>
              <p:cNvPr id="155" name="Freeform 154">
                <a:extLst>
                  <a:ext uri="{FF2B5EF4-FFF2-40B4-BE49-F238E27FC236}">
                    <a16:creationId xmlns:a16="http://schemas.microsoft.com/office/drawing/2014/main" id="{D8CE2360-DD0E-FB33-00BA-564056A13425}"/>
                  </a:ext>
                </a:extLst>
              </p:cNvPr>
              <p:cNvSpPr/>
              <p:nvPr/>
            </p:nvSpPr>
            <p:spPr>
              <a:xfrm>
                <a:off x="6971651" y="3071812"/>
                <a:ext cx="147610" cy="355401"/>
              </a:xfrm>
              <a:custGeom>
                <a:avLst/>
                <a:gdLst>
                  <a:gd name="connsiteX0" fmla="*/ 93498 w 147610"/>
                  <a:gd name="connsiteY0" fmla="*/ 355401 h 355401"/>
                  <a:gd name="connsiteX1" fmla="*/ 53335 w 147610"/>
                  <a:gd name="connsiteY1" fmla="*/ 0 h 355401"/>
                  <a:gd name="connsiteX2" fmla="*/ 93498 w 147610"/>
                  <a:gd name="connsiteY2" fmla="*/ 355401 h 355401"/>
                </a:gdLst>
                <a:ahLst/>
                <a:cxnLst>
                  <a:cxn ang="0">
                    <a:pos x="connsiteX0" y="connsiteY0"/>
                  </a:cxn>
                  <a:cxn ang="0">
                    <a:pos x="connsiteX1" y="connsiteY1"/>
                  </a:cxn>
                  <a:cxn ang="0">
                    <a:pos x="connsiteX2" y="connsiteY2"/>
                  </a:cxn>
                </a:cxnLst>
                <a:rect l="l" t="t" r="r" b="b"/>
                <a:pathLst>
                  <a:path w="147610" h="355401">
                    <a:moveTo>
                      <a:pt x="93498" y="355401"/>
                    </a:moveTo>
                    <a:cubicBezTo>
                      <a:pt x="93498" y="355401"/>
                      <a:pt x="-86789" y="194667"/>
                      <a:pt x="53335" y="0"/>
                    </a:cubicBezTo>
                    <a:cubicBezTo>
                      <a:pt x="53335" y="0"/>
                      <a:pt x="235408" y="159841"/>
                      <a:pt x="93498" y="355401"/>
                    </a:cubicBezTo>
                    <a:close/>
                  </a:path>
                </a:pathLst>
              </a:custGeom>
              <a:grpFill/>
              <a:ln w="2970" cap="flat">
                <a:noFill/>
                <a:prstDash val="solid"/>
                <a:miter/>
              </a:ln>
            </p:spPr>
            <p:txBody>
              <a:bodyPr rtlCol="0" anchor="ctr"/>
              <a:lstStyle/>
              <a:p>
                <a:endParaRPr lang="en-US"/>
              </a:p>
            </p:txBody>
          </p:sp>
          <p:sp>
            <p:nvSpPr>
              <p:cNvPr id="156" name="Freeform 155">
                <a:extLst>
                  <a:ext uri="{FF2B5EF4-FFF2-40B4-BE49-F238E27FC236}">
                    <a16:creationId xmlns:a16="http://schemas.microsoft.com/office/drawing/2014/main" id="{C36819D2-3CEA-F37E-13AA-2BE996B7447B}"/>
                  </a:ext>
                </a:extLst>
              </p:cNvPr>
              <p:cNvSpPr/>
              <p:nvPr/>
            </p:nvSpPr>
            <p:spPr>
              <a:xfrm>
                <a:off x="6578728" y="2895542"/>
                <a:ext cx="318627" cy="179064"/>
              </a:xfrm>
              <a:custGeom>
                <a:avLst/>
                <a:gdLst>
                  <a:gd name="connsiteX0" fmla="*/ 318628 w 318627"/>
                  <a:gd name="connsiteY0" fmla="*/ 7499 h 179064"/>
                  <a:gd name="connsiteX1" fmla="*/ 0 w 318627"/>
                  <a:gd name="connsiteY1" fmla="*/ 170912 h 179064"/>
                  <a:gd name="connsiteX2" fmla="*/ 318628 w 318627"/>
                  <a:gd name="connsiteY2" fmla="*/ 7499 h 179064"/>
                </a:gdLst>
                <a:ahLst/>
                <a:cxnLst>
                  <a:cxn ang="0">
                    <a:pos x="connsiteX0" y="connsiteY0"/>
                  </a:cxn>
                  <a:cxn ang="0">
                    <a:pos x="connsiteX1" y="connsiteY1"/>
                  </a:cxn>
                  <a:cxn ang="0">
                    <a:pos x="connsiteX2" y="connsiteY2"/>
                  </a:cxn>
                </a:cxnLst>
                <a:rect l="l" t="t" r="r" b="b"/>
                <a:pathLst>
                  <a:path w="318627" h="179064">
                    <a:moveTo>
                      <a:pt x="318628" y="7499"/>
                    </a:moveTo>
                    <a:cubicBezTo>
                      <a:pt x="318628" y="7499"/>
                      <a:pt x="84789" y="-53223"/>
                      <a:pt x="0" y="170912"/>
                    </a:cubicBezTo>
                    <a:cubicBezTo>
                      <a:pt x="893" y="170912"/>
                      <a:pt x="235624" y="234313"/>
                      <a:pt x="318628" y="7499"/>
                    </a:cubicBezTo>
                    <a:close/>
                  </a:path>
                </a:pathLst>
              </a:custGeom>
              <a:grpFill/>
              <a:ln w="2970" cap="flat">
                <a:noFill/>
                <a:prstDash val="solid"/>
                <a:miter/>
              </a:ln>
            </p:spPr>
            <p:txBody>
              <a:bodyPr rtlCol="0" anchor="ctr"/>
              <a:lstStyle/>
              <a:p>
                <a:endParaRPr lang="en-US"/>
              </a:p>
            </p:txBody>
          </p:sp>
          <p:sp>
            <p:nvSpPr>
              <p:cNvPr id="157" name="Freeform 156">
                <a:extLst>
                  <a:ext uri="{FF2B5EF4-FFF2-40B4-BE49-F238E27FC236}">
                    <a16:creationId xmlns:a16="http://schemas.microsoft.com/office/drawing/2014/main" id="{AFA07E21-A271-6D3E-C536-E56A4D54063A}"/>
                  </a:ext>
                </a:extLst>
              </p:cNvPr>
              <p:cNvSpPr/>
              <p:nvPr/>
            </p:nvSpPr>
            <p:spPr>
              <a:xfrm>
                <a:off x="6508470" y="1101024"/>
                <a:ext cx="171725" cy="332189"/>
              </a:xfrm>
              <a:custGeom>
                <a:avLst/>
                <a:gdLst>
                  <a:gd name="connsiteX0" fmla="*/ 20277 w 171725"/>
                  <a:gd name="connsiteY0" fmla="*/ 332190 h 332189"/>
                  <a:gd name="connsiteX1" fmla="*/ 152369 w 171725"/>
                  <a:gd name="connsiteY1" fmla="*/ 6 h 332189"/>
                  <a:gd name="connsiteX2" fmla="*/ 20277 w 171725"/>
                  <a:gd name="connsiteY2" fmla="*/ 332190 h 332189"/>
                </a:gdLst>
                <a:ahLst/>
                <a:cxnLst>
                  <a:cxn ang="0">
                    <a:pos x="connsiteX0" y="connsiteY0"/>
                  </a:cxn>
                  <a:cxn ang="0">
                    <a:pos x="connsiteX1" y="connsiteY1"/>
                  </a:cxn>
                  <a:cxn ang="0">
                    <a:pos x="connsiteX2" y="connsiteY2"/>
                  </a:cxn>
                </a:cxnLst>
                <a:rect l="l" t="t" r="r" b="b"/>
                <a:pathLst>
                  <a:path w="171725" h="332189">
                    <a:moveTo>
                      <a:pt x="20277" y="332190"/>
                    </a:moveTo>
                    <a:cubicBezTo>
                      <a:pt x="20277" y="332190"/>
                      <a:pt x="236266" y="224141"/>
                      <a:pt x="152369" y="6"/>
                    </a:cubicBezTo>
                    <a:cubicBezTo>
                      <a:pt x="152369" y="-887"/>
                      <a:pt x="-66297" y="106269"/>
                      <a:pt x="20277" y="332190"/>
                    </a:cubicBezTo>
                    <a:close/>
                  </a:path>
                </a:pathLst>
              </a:custGeom>
              <a:grpFill/>
              <a:ln w="2970" cap="flat">
                <a:noFill/>
                <a:prstDash val="solid"/>
                <a:miter/>
              </a:ln>
            </p:spPr>
            <p:txBody>
              <a:bodyPr rtlCol="0" anchor="ctr"/>
              <a:lstStyle/>
              <a:p>
                <a:endParaRPr lang="en-US"/>
              </a:p>
            </p:txBody>
          </p:sp>
          <p:sp>
            <p:nvSpPr>
              <p:cNvPr id="158" name="Freeform 157">
                <a:extLst>
                  <a:ext uri="{FF2B5EF4-FFF2-40B4-BE49-F238E27FC236}">
                    <a16:creationId xmlns:a16="http://schemas.microsoft.com/office/drawing/2014/main" id="{58E42D60-AA24-8B7C-B071-AF8C2C51BCF7}"/>
                  </a:ext>
                </a:extLst>
              </p:cNvPr>
              <p:cNvSpPr/>
              <p:nvPr/>
            </p:nvSpPr>
            <p:spPr>
              <a:xfrm>
                <a:off x="5321925" y="2954833"/>
                <a:ext cx="226250" cy="381297"/>
              </a:xfrm>
              <a:custGeom>
                <a:avLst/>
                <a:gdLst>
                  <a:gd name="connsiteX0" fmla="*/ 12637 w 226250"/>
                  <a:gd name="connsiteY0" fmla="*/ 381298 h 381297"/>
                  <a:gd name="connsiteX1" fmla="*/ 214346 w 226250"/>
                  <a:gd name="connsiteY1" fmla="*/ 0 h 381297"/>
                  <a:gd name="connsiteX2" fmla="*/ 12637 w 226250"/>
                  <a:gd name="connsiteY2" fmla="*/ 381298 h 381297"/>
                </a:gdLst>
                <a:ahLst/>
                <a:cxnLst>
                  <a:cxn ang="0">
                    <a:pos x="connsiteX0" y="connsiteY0"/>
                  </a:cxn>
                  <a:cxn ang="0">
                    <a:pos x="connsiteX1" y="connsiteY1"/>
                  </a:cxn>
                  <a:cxn ang="0">
                    <a:pos x="connsiteX2" y="connsiteY2"/>
                  </a:cxn>
                </a:cxnLst>
                <a:rect l="l" t="t" r="r" b="b"/>
                <a:pathLst>
                  <a:path w="226250" h="381297">
                    <a:moveTo>
                      <a:pt x="12637" y="381298"/>
                    </a:moveTo>
                    <a:cubicBezTo>
                      <a:pt x="12637" y="381298"/>
                      <a:pt x="285747" y="280392"/>
                      <a:pt x="214346" y="0"/>
                    </a:cubicBezTo>
                    <a:cubicBezTo>
                      <a:pt x="214346" y="0"/>
                      <a:pt x="-61441" y="99120"/>
                      <a:pt x="12637" y="381298"/>
                    </a:cubicBezTo>
                    <a:close/>
                  </a:path>
                </a:pathLst>
              </a:custGeom>
              <a:grpFill/>
              <a:ln w="2970" cap="flat">
                <a:noFill/>
                <a:prstDash val="solid"/>
                <a:miter/>
              </a:ln>
            </p:spPr>
            <p:txBody>
              <a:bodyPr rtlCol="0" anchor="ctr"/>
              <a:lstStyle/>
              <a:p>
                <a:endParaRPr lang="en-US"/>
              </a:p>
            </p:txBody>
          </p:sp>
        </p:grpSp>
        <p:sp>
          <p:nvSpPr>
            <p:cNvPr id="159" name="Freeform 158">
              <a:extLst>
                <a:ext uri="{FF2B5EF4-FFF2-40B4-BE49-F238E27FC236}">
                  <a16:creationId xmlns:a16="http://schemas.microsoft.com/office/drawing/2014/main" id="{C42BEDF8-BCE7-81CA-4B79-7C7842D5F0D2}"/>
                </a:ext>
              </a:extLst>
            </p:cNvPr>
            <p:cNvSpPr/>
            <p:nvPr/>
          </p:nvSpPr>
          <p:spPr>
            <a:xfrm>
              <a:off x="0" y="0"/>
              <a:ext cx="8925" cy="8929"/>
            </a:xfrm>
            <a:custGeom>
              <a:avLst/>
              <a:gdLst/>
              <a:ahLst/>
              <a:cxnLst/>
              <a:rect l="l" t="t" r="r" b="b"/>
              <a:pathLst>
                <a:path w="8925" h="8929"/>
              </a:pathLst>
            </a:custGeom>
            <a:grpFill/>
            <a:ln w="4281" cap="rnd">
              <a:solidFill>
                <a:srgbClr val="D91C5C"/>
              </a:solidFill>
              <a:prstDash val="solid"/>
              <a:miter/>
            </a:ln>
          </p:spPr>
          <p:txBody>
            <a:bodyPr rtlCol="0" anchor="ctr"/>
            <a:lstStyle/>
            <a:p>
              <a:endParaRPr lang="en-US"/>
            </a:p>
          </p:txBody>
        </p:sp>
        <p:sp>
          <p:nvSpPr>
            <p:cNvPr id="160" name="Freeform 159">
              <a:extLst>
                <a:ext uri="{FF2B5EF4-FFF2-40B4-BE49-F238E27FC236}">
                  <a16:creationId xmlns:a16="http://schemas.microsoft.com/office/drawing/2014/main" id="{8103A804-DE3C-4460-B690-1E0D1E6F997F}"/>
                </a:ext>
              </a:extLst>
            </p:cNvPr>
            <p:cNvSpPr/>
            <p:nvPr/>
          </p:nvSpPr>
          <p:spPr>
            <a:xfrm>
              <a:off x="0" y="0"/>
              <a:ext cx="8925" cy="8929"/>
            </a:xfrm>
            <a:custGeom>
              <a:avLst/>
              <a:gdLst/>
              <a:ahLst/>
              <a:cxnLst/>
              <a:rect l="l" t="t" r="r" b="b"/>
              <a:pathLst>
                <a:path w="8925" h="8929"/>
              </a:pathLst>
            </a:custGeom>
            <a:grpFill/>
            <a:ln w="4281" cap="rnd">
              <a:solidFill>
                <a:srgbClr val="D91C5C"/>
              </a:solidFill>
              <a:prstDash val="solid"/>
              <a:miter/>
            </a:ln>
          </p:spPr>
          <p:txBody>
            <a:bodyPr rtlCol="0" anchor="ctr"/>
            <a:lstStyle/>
            <a:p>
              <a:endParaRPr lang="en-US"/>
            </a:p>
          </p:txBody>
        </p:sp>
        <p:sp>
          <p:nvSpPr>
            <p:cNvPr id="161" name="Freeform 160">
              <a:extLst>
                <a:ext uri="{FF2B5EF4-FFF2-40B4-BE49-F238E27FC236}">
                  <a16:creationId xmlns:a16="http://schemas.microsoft.com/office/drawing/2014/main" id="{9C0211BA-0501-7F0E-603D-9C1FC339C355}"/>
                </a:ext>
              </a:extLst>
            </p:cNvPr>
            <p:cNvSpPr/>
            <p:nvPr/>
          </p:nvSpPr>
          <p:spPr>
            <a:xfrm>
              <a:off x="0" y="0"/>
              <a:ext cx="8925" cy="8929"/>
            </a:xfrm>
            <a:custGeom>
              <a:avLst/>
              <a:gdLst/>
              <a:ahLst/>
              <a:cxnLst/>
              <a:rect l="l" t="t" r="r" b="b"/>
              <a:pathLst>
                <a:path w="8925" h="8929"/>
              </a:pathLst>
            </a:custGeom>
            <a:grpFill/>
            <a:ln w="4281" cap="rnd">
              <a:solidFill>
                <a:srgbClr val="D91C5C"/>
              </a:solidFill>
              <a:prstDash val="solid"/>
              <a:miter/>
            </a:ln>
          </p:spPr>
          <p:txBody>
            <a:bodyPr rtlCol="0" anchor="ctr"/>
            <a:lstStyle/>
            <a:p>
              <a:endParaRPr lang="en-US"/>
            </a:p>
          </p:txBody>
        </p:sp>
        <p:sp>
          <p:nvSpPr>
            <p:cNvPr id="162" name="Freeform 161">
              <a:extLst>
                <a:ext uri="{FF2B5EF4-FFF2-40B4-BE49-F238E27FC236}">
                  <a16:creationId xmlns:a16="http://schemas.microsoft.com/office/drawing/2014/main" id="{1134CFEA-3554-E18F-0052-AF162E39EE74}"/>
                </a:ext>
              </a:extLst>
            </p:cNvPr>
            <p:cNvSpPr/>
            <p:nvPr/>
          </p:nvSpPr>
          <p:spPr>
            <a:xfrm>
              <a:off x="3753025" y="2030610"/>
              <a:ext cx="516766" cy="335756"/>
            </a:xfrm>
            <a:custGeom>
              <a:avLst/>
              <a:gdLst>
                <a:gd name="connsiteX0" fmla="*/ 74079 w 516766"/>
                <a:gd name="connsiteY0" fmla="*/ 333078 h 335756"/>
                <a:gd name="connsiteX1" fmla="*/ 78541 w 516766"/>
                <a:gd name="connsiteY1" fmla="*/ 335756 h 335756"/>
                <a:gd name="connsiteX2" fmla="*/ 516766 w 516766"/>
                <a:gd name="connsiteY2" fmla="*/ 86618 h 335756"/>
                <a:gd name="connsiteX3" fmla="*/ 504271 w 516766"/>
                <a:gd name="connsiteY3" fmla="*/ 0 h 335756"/>
                <a:gd name="connsiteX4" fmla="*/ 0 w 516766"/>
                <a:gd name="connsiteY4" fmla="*/ 286643 h 335756"/>
                <a:gd name="connsiteX5" fmla="*/ 74079 w 516766"/>
                <a:gd name="connsiteY5" fmla="*/ 333078 h 3357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6766" h="335756">
                  <a:moveTo>
                    <a:pt x="74079" y="333078"/>
                  </a:moveTo>
                  <a:cubicBezTo>
                    <a:pt x="75864" y="333970"/>
                    <a:pt x="77649" y="334863"/>
                    <a:pt x="78541" y="335756"/>
                  </a:cubicBezTo>
                  <a:lnTo>
                    <a:pt x="516766" y="86618"/>
                  </a:lnTo>
                  <a:cubicBezTo>
                    <a:pt x="514089" y="58043"/>
                    <a:pt x="510519" y="28575"/>
                    <a:pt x="504271" y="0"/>
                  </a:cubicBezTo>
                  <a:lnTo>
                    <a:pt x="0" y="286643"/>
                  </a:lnTo>
                  <a:cubicBezTo>
                    <a:pt x="24098" y="304502"/>
                    <a:pt x="48196" y="320576"/>
                    <a:pt x="74079" y="333078"/>
                  </a:cubicBezTo>
                  <a:close/>
                </a:path>
              </a:pathLst>
            </a:custGeom>
            <a:grpFill/>
            <a:ln w="2970" cap="flat">
              <a:noFill/>
              <a:prstDash val="solid"/>
              <a:miter/>
            </a:ln>
          </p:spPr>
          <p:txBody>
            <a:bodyPr rtlCol="0" anchor="ctr"/>
            <a:lstStyle/>
            <a:p>
              <a:endParaRPr lang="en-US"/>
            </a:p>
          </p:txBody>
        </p:sp>
        <p:sp>
          <p:nvSpPr>
            <p:cNvPr id="163" name="Freeform 162">
              <a:extLst>
                <a:ext uri="{FF2B5EF4-FFF2-40B4-BE49-F238E27FC236}">
                  <a16:creationId xmlns:a16="http://schemas.microsoft.com/office/drawing/2014/main" id="{EF8D4F32-D9D9-D571-DFD8-7C6A63F1E5BF}"/>
                </a:ext>
              </a:extLst>
            </p:cNvPr>
            <p:cNvSpPr/>
            <p:nvPr/>
          </p:nvSpPr>
          <p:spPr>
            <a:xfrm>
              <a:off x="3970799" y="2253853"/>
              <a:ext cx="303455" cy="258067"/>
            </a:xfrm>
            <a:custGeom>
              <a:avLst/>
              <a:gdLst>
                <a:gd name="connsiteX0" fmla="*/ 282927 w 303455"/>
                <a:gd name="connsiteY0" fmla="*/ 258068 h 258067"/>
                <a:gd name="connsiteX1" fmla="*/ 298100 w 303455"/>
                <a:gd name="connsiteY1" fmla="*/ 117872 h 258067"/>
                <a:gd name="connsiteX2" fmla="*/ 179396 w 303455"/>
                <a:gd name="connsiteY2" fmla="*/ 185738 h 258067"/>
                <a:gd name="connsiteX3" fmla="*/ 174933 w 303455"/>
                <a:gd name="connsiteY3" fmla="*/ 186630 h 258067"/>
                <a:gd name="connsiteX4" fmla="*/ 166900 w 303455"/>
                <a:gd name="connsiteY4" fmla="*/ 182166 h 258067"/>
                <a:gd name="connsiteX5" fmla="*/ 170470 w 303455"/>
                <a:gd name="connsiteY5" fmla="*/ 168771 h 258067"/>
                <a:gd name="connsiteX6" fmla="*/ 299885 w 303455"/>
                <a:gd name="connsiteY6" fmla="*/ 94655 h 258067"/>
                <a:gd name="connsiteX7" fmla="*/ 300778 w 303455"/>
                <a:gd name="connsiteY7" fmla="*/ 83939 h 258067"/>
                <a:gd name="connsiteX8" fmla="*/ 303455 w 303455"/>
                <a:gd name="connsiteY8" fmla="*/ 0 h 258067"/>
                <a:gd name="connsiteX9" fmla="*/ 0 w 303455"/>
                <a:gd name="connsiteY9" fmla="*/ 172343 h 258067"/>
                <a:gd name="connsiteX10" fmla="*/ 282927 w 303455"/>
                <a:gd name="connsiteY10" fmla="*/ 258068 h 2580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3455" h="258067">
                  <a:moveTo>
                    <a:pt x="282927" y="258068"/>
                  </a:moveTo>
                  <a:cubicBezTo>
                    <a:pt x="287390" y="226814"/>
                    <a:pt x="294530" y="169664"/>
                    <a:pt x="298100" y="117872"/>
                  </a:cubicBezTo>
                  <a:lnTo>
                    <a:pt x="179396" y="185738"/>
                  </a:lnTo>
                  <a:cubicBezTo>
                    <a:pt x="177610" y="186630"/>
                    <a:pt x="176718" y="186630"/>
                    <a:pt x="174933" y="186630"/>
                  </a:cubicBezTo>
                  <a:cubicBezTo>
                    <a:pt x="171363" y="186630"/>
                    <a:pt x="168685" y="184845"/>
                    <a:pt x="166900" y="182166"/>
                  </a:cubicBezTo>
                  <a:cubicBezTo>
                    <a:pt x="164223" y="177701"/>
                    <a:pt x="166008" y="171450"/>
                    <a:pt x="170470" y="168771"/>
                  </a:cubicBezTo>
                  <a:lnTo>
                    <a:pt x="299885" y="94655"/>
                  </a:lnTo>
                  <a:cubicBezTo>
                    <a:pt x="299885" y="91083"/>
                    <a:pt x="299885" y="87511"/>
                    <a:pt x="300778" y="83939"/>
                  </a:cubicBezTo>
                  <a:cubicBezTo>
                    <a:pt x="301670" y="57150"/>
                    <a:pt x="302563" y="28575"/>
                    <a:pt x="303455" y="0"/>
                  </a:cubicBezTo>
                  <a:lnTo>
                    <a:pt x="0" y="172343"/>
                  </a:lnTo>
                  <a:cubicBezTo>
                    <a:pt x="96392" y="208955"/>
                    <a:pt x="190106" y="234851"/>
                    <a:pt x="282927" y="258068"/>
                  </a:cubicBezTo>
                  <a:close/>
                </a:path>
              </a:pathLst>
            </a:custGeom>
            <a:grpFill/>
            <a:ln w="2970" cap="flat">
              <a:noFill/>
              <a:prstDash val="solid"/>
              <a:miter/>
            </a:ln>
          </p:spPr>
          <p:txBody>
            <a:bodyPr rtlCol="0" anchor="ctr"/>
            <a:lstStyle/>
            <a:p>
              <a:endParaRPr lang="en-US"/>
            </a:p>
          </p:txBody>
        </p:sp>
        <p:sp>
          <p:nvSpPr>
            <p:cNvPr id="164" name="Freeform 163">
              <a:extLst>
                <a:ext uri="{FF2B5EF4-FFF2-40B4-BE49-F238E27FC236}">
                  <a16:creationId xmlns:a16="http://schemas.microsoft.com/office/drawing/2014/main" id="{2BA66F85-FFCF-9077-C93D-155E66612DB7}"/>
                </a:ext>
              </a:extLst>
            </p:cNvPr>
            <p:cNvSpPr/>
            <p:nvPr/>
          </p:nvSpPr>
          <p:spPr>
            <a:xfrm>
              <a:off x="3853880" y="2137767"/>
              <a:ext cx="420374" cy="278606"/>
            </a:xfrm>
            <a:custGeom>
              <a:avLst/>
              <a:gdLst>
                <a:gd name="connsiteX0" fmla="*/ 93714 w 420374"/>
                <a:gd name="connsiteY0" fmla="*/ 278606 h 278606"/>
                <a:gd name="connsiteX1" fmla="*/ 420375 w 420374"/>
                <a:gd name="connsiteY1" fmla="*/ 92869 h 278606"/>
                <a:gd name="connsiteX2" fmla="*/ 418590 w 420374"/>
                <a:gd name="connsiteY2" fmla="*/ 0 h 278606"/>
                <a:gd name="connsiteX3" fmla="*/ 0 w 420374"/>
                <a:gd name="connsiteY3" fmla="*/ 237530 h 278606"/>
                <a:gd name="connsiteX4" fmla="*/ 93714 w 420374"/>
                <a:gd name="connsiteY4" fmla="*/ 278606 h 27860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20374" h="278606">
                  <a:moveTo>
                    <a:pt x="93714" y="278606"/>
                  </a:moveTo>
                  <a:lnTo>
                    <a:pt x="420375" y="92869"/>
                  </a:lnTo>
                  <a:cubicBezTo>
                    <a:pt x="420375" y="62508"/>
                    <a:pt x="420375" y="31254"/>
                    <a:pt x="418590" y="0"/>
                  </a:cubicBezTo>
                  <a:lnTo>
                    <a:pt x="0" y="237530"/>
                  </a:lnTo>
                  <a:cubicBezTo>
                    <a:pt x="31238" y="253603"/>
                    <a:pt x="62476" y="266998"/>
                    <a:pt x="93714" y="278606"/>
                  </a:cubicBezTo>
                  <a:close/>
                </a:path>
              </a:pathLst>
            </a:custGeom>
            <a:grpFill/>
            <a:ln w="2970" cap="flat">
              <a:noFill/>
              <a:prstDash val="solid"/>
              <a:miter/>
            </a:ln>
          </p:spPr>
          <p:txBody>
            <a:bodyPr rtlCol="0" anchor="ctr"/>
            <a:lstStyle/>
            <a:p>
              <a:endParaRPr lang="en-US"/>
            </a:p>
          </p:txBody>
        </p:sp>
        <p:sp>
          <p:nvSpPr>
            <p:cNvPr id="165" name="Freeform 164">
              <a:extLst>
                <a:ext uri="{FF2B5EF4-FFF2-40B4-BE49-F238E27FC236}">
                  <a16:creationId xmlns:a16="http://schemas.microsoft.com/office/drawing/2014/main" id="{9ACF4011-6C7B-ED58-F5BF-1BC19275427F}"/>
                </a:ext>
              </a:extLst>
            </p:cNvPr>
            <p:cNvSpPr/>
            <p:nvPr/>
          </p:nvSpPr>
          <p:spPr>
            <a:xfrm>
              <a:off x="4892767" y="3239690"/>
              <a:ext cx="318627" cy="238422"/>
            </a:xfrm>
            <a:custGeom>
              <a:avLst/>
              <a:gdLst>
                <a:gd name="connsiteX0" fmla="*/ 98177 w 318627"/>
                <a:gd name="connsiteY0" fmla="*/ 200025 h 238422"/>
                <a:gd name="connsiteX1" fmla="*/ 222236 w 318627"/>
                <a:gd name="connsiteY1" fmla="*/ 114300 h 238422"/>
                <a:gd name="connsiteX2" fmla="*/ 235624 w 318627"/>
                <a:gd name="connsiteY2" fmla="*/ 116979 h 238422"/>
                <a:gd name="connsiteX3" fmla="*/ 232946 w 318627"/>
                <a:gd name="connsiteY3" fmla="*/ 130373 h 238422"/>
                <a:gd name="connsiteX4" fmla="*/ 123167 w 318627"/>
                <a:gd name="connsiteY4" fmla="*/ 206276 h 238422"/>
                <a:gd name="connsiteX5" fmla="*/ 261507 w 318627"/>
                <a:gd name="connsiteY5" fmla="*/ 230386 h 238422"/>
                <a:gd name="connsiteX6" fmla="*/ 318628 w 318627"/>
                <a:gd name="connsiteY6" fmla="*/ 238423 h 238422"/>
                <a:gd name="connsiteX7" fmla="*/ 246334 w 318627"/>
                <a:gd name="connsiteY7" fmla="*/ 0 h 238422"/>
                <a:gd name="connsiteX8" fmla="*/ 0 w 318627"/>
                <a:gd name="connsiteY8" fmla="*/ 170557 h 238422"/>
                <a:gd name="connsiteX9" fmla="*/ 98177 w 318627"/>
                <a:gd name="connsiteY9" fmla="*/ 200025 h 2384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18627" h="238422">
                  <a:moveTo>
                    <a:pt x="98177" y="200025"/>
                  </a:moveTo>
                  <a:lnTo>
                    <a:pt x="222236" y="114300"/>
                  </a:lnTo>
                  <a:cubicBezTo>
                    <a:pt x="226699" y="111621"/>
                    <a:pt x="232946" y="112514"/>
                    <a:pt x="235624" y="116979"/>
                  </a:cubicBezTo>
                  <a:cubicBezTo>
                    <a:pt x="238302" y="121444"/>
                    <a:pt x="237409" y="127695"/>
                    <a:pt x="232946" y="130373"/>
                  </a:cubicBezTo>
                  <a:lnTo>
                    <a:pt x="123167" y="206276"/>
                  </a:lnTo>
                  <a:cubicBezTo>
                    <a:pt x="171363" y="216992"/>
                    <a:pt x="218666" y="224135"/>
                    <a:pt x="261507" y="230386"/>
                  </a:cubicBezTo>
                  <a:cubicBezTo>
                    <a:pt x="280249" y="233065"/>
                    <a:pt x="299885" y="235744"/>
                    <a:pt x="318628" y="238423"/>
                  </a:cubicBezTo>
                  <a:cubicBezTo>
                    <a:pt x="295422" y="153591"/>
                    <a:pt x="270432" y="69652"/>
                    <a:pt x="246334" y="0"/>
                  </a:cubicBezTo>
                  <a:lnTo>
                    <a:pt x="0" y="170557"/>
                  </a:lnTo>
                  <a:cubicBezTo>
                    <a:pt x="33023" y="182166"/>
                    <a:pt x="66046" y="191988"/>
                    <a:pt x="98177" y="200025"/>
                  </a:cubicBezTo>
                  <a:close/>
                </a:path>
              </a:pathLst>
            </a:custGeom>
            <a:grpFill/>
            <a:ln w="2970" cap="flat">
              <a:noFill/>
              <a:prstDash val="solid"/>
              <a:miter/>
            </a:ln>
          </p:spPr>
          <p:txBody>
            <a:bodyPr rtlCol="0" anchor="ctr"/>
            <a:lstStyle/>
            <a:p>
              <a:endParaRPr lang="en-US"/>
            </a:p>
          </p:txBody>
        </p:sp>
        <p:sp>
          <p:nvSpPr>
            <p:cNvPr id="168" name="Freeform 167">
              <a:extLst>
                <a:ext uri="{FF2B5EF4-FFF2-40B4-BE49-F238E27FC236}">
                  <a16:creationId xmlns:a16="http://schemas.microsoft.com/office/drawing/2014/main" id="{B5594F22-4F05-272C-1616-8DE45E2CD932}"/>
                </a:ext>
              </a:extLst>
            </p:cNvPr>
            <p:cNvSpPr/>
            <p:nvPr/>
          </p:nvSpPr>
          <p:spPr>
            <a:xfrm>
              <a:off x="5240848" y="1089421"/>
              <a:ext cx="475710" cy="240208"/>
            </a:xfrm>
            <a:custGeom>
              <a:avLst/>
              <a:gdLst>
                <a:gd name="connsiteX0" fmla="*/ 23205 w 475710"/>
                <a:gd name="connsiteY0" fmla="*/ 96441 h 240208"/>
                <a:gd name="connsiteX1" fmla="*/ 415912 w 475710"/>
                <a:gd name="connsiteY1" fmla="*/ 240209 h 240208"/>
                <a:gd name="connsiteX2" fmla="*/ 475710 w 475710"/>
                <a:gd name="connsiteY2" fmla="*/ 174129 h 240208"/>
                <a:gd name="connsiteX3" fmla="*/ 0 w 475710"/>
                <a:gd name="connsiteY3" fmla="*/ 0 h 240208"/>
                <a:gd name="connsiteX4" fmla="*/ 23205 w 475710"/>
                <a:gd name="connsiteY4" fmla="*/ 96441 h 24020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75710" h="240208">
                  <a:moveTo>
                    <a:pt x="23205" y="96441"/>
                  </a:moveTo>
                  <a:lnTo>
                    <a:pt x="415912" y="240209"/>
                  </a:lnTo>
                  <a:cubicBezTo>
                    <a:pt x="436440" y="218777"/>
                    <a:pt x="456075" y="197346"/>
                    <a:pt x="475710" y="174129"/>
                  </a:cubicBezTo>
                  <a:lnTo>
                    <a:pt x="0" y="0"/>
                  </a:lnTo>
                  <a:cubicBezTo>
                    <a:pt x="5355" y="33040"/>
                    <a:pt x="13388" y="65187"/>
                    <a:pt x="23205" y="96441"/>
                  </a:cubicBezTo>
                  <a:close/>
                </a:path>
              </a:pathLst>
            </a:custGeom>
            <a:grpFill/>
            <a:ln w="2970" cap="flat">
              <a:noFill/>
              <a:prstDash val="solid"/>
              <a:miter/>
            </a:ln>
          </p:spPr>
          <p:txBody>
            <a:bodyPr rtlCol="0" anchor="ctr"/>
            <a:lstStyle/>
            <a:p>
              <a:endParaRPr lang="en-US" dirty="0"/>
            </a:p>
          </p:txBody>
        </p:sp>
        <p:sp>
          <p:nvSpPr>
            <p:cNvPr id="169" name="Freeform 168">
              <a:extLst>
                <a:ext uri="{FF2B5EF4-FFF2-40B4-BE49-F238E27FC236}">
                  <a16:creationId xmlns:a16="http://schemas.microsoft.com/office/drawing/2014/main" id="{CC180635-195E-72FA-1227-1EF5B57F62C2}"/>
                </a:ext>
              </a:extLst>
            </p:cNvPr>
            <p:cNvSpPr/>
            <p:nvPr/>
          </p:nvSpPr>
          <p:spPr>
            <a:xfrm>
              <a:off x="6856301" y="1732359"/>
              <a:ext cx="8032" cy="5357"/>
            </a:xfrm>
            <a:custGeom>
              <a:avLst/>
              <a:gdLst>
                <a:gd name="connsiteX0" fmla="*/ 0 w 8032"/>
                <a:gd name="connsiteY0" fmla="*/ 5358 h 5357"/>
                <a:gd name="connsiteX1" fmla="*/ 0 w 8032"/>
                <a:gd name="connsiteY1" fmla="*/ 5358 h 5357"/>
                <a:gd name="connsiteX2" fmla="*/ 8032 w 8032"/>
                <a:gd name="connsiteY2" fmla="*/ 0 h 5357"/>
                <a:gd name="connsiteX3" fmla="*/ 0 w 8032"/>
                <a:gd name="connsiteY3" fmla="*/ 5358 h 5357"/>
              </a:gdLst>
              <a:ahLst/>
              <a:cxnLst>
                <a:cxn ang="0">
                  <a:pos x="connsiteX0" y="connsiteY0"/>
                </a:cxn>
                <a:cxn ang="0">
                  <a:pos x="connsiteX1" y="connsiteY1"/>
                </a:cxn>
                <a:cxn ang="0">
                  <a:pos x="connsiteX2" y="connsiteY2"/>
                </a:cxn>
                <a:cxn ang="0">
                  <a:pos x="connsiteX3" y="connsiteY3"/>
                </a:cxn>
              </a:cxnLst>
              <a:rect l="l" t="t" r="r" b="b"/>
              <a:pathLst>
                <a:path w="8032" h="5357">
                  <a:moveTo>
                    <a:pt x="0" y="5358"/>
                  </a:moveTo>
                  <a:cubicBezTo>
                    <a:pt x="0" y="5358"/>
                    <a:pt x="0" y="5358"/>
                    <a:pt x="0" y="5358"/>
                  </a:cubicBezTo>
                  <a:cubicBezTo>
                    <a:pt x="2677" y="4465"/>
                    <a:pt x="5355" y="2679"/>
                    <a:pt x="8032" y="0"/>
                  </a:cubicBezTo>
                  <a:cubicBezTo>
                    <a:pt x="4463" y="0"/>
                    <a:pt x="1785" y="1786"/>
                    <a:pt x="0" y="5358"/>
                  </a:cubicBezTo>
                  <a:close/>
                </a:path>
              </a:pathLst>
            </a:custGeom>
            <a:grpFill/>
            <a:ln w="2970" cap="flat">
              <a:noFill/>
              <a:prstDash val="solid"/>
              <a:miter/>
            </a:ln>
          </p:spPr>
          <p:txBody>
            <a:bodyPr rtlCol="0" anchor="ctr"/>
            <a:lstStyle/>
            <a:p>
              <a:endParaRPr lang="en-US"/>
            </a:p>
          </p:txBody>
        </p:sp>
        <p:sp>
          <p:nvSpPr>
            <p:cNvPr id="170" name="Freeform 169">
              <a:extLst>
                <a:ext uri="{FF2B5EF4-FFF2-40B4-BE49-F238E27FC236}">
                  <a16:creationId xmlns:a16="http://schemas.microsoft.com/office/drawing/2014/main" id="{9C877ADA-BAE0-F895-81AA-9D39BA8DE6FA}"/>
                </a:ext>
              </a:extLst>
            </p:cNvPr>
            <p:cNvSpPr/>
            <p:nvPr/>
          </p:nvSpPr>
          <p:spPr>
            <a:xfrm>
              <a:off x="7909468" y="3796010"/>
              <a:ext cx="513196" cy="592931"/>
            </a:xfrm>
            <a:custGeom>
              <a:avLst/>
              <a:gdLst>
                <a:gd name="connsiteX0" fmla="*/ 513196 w 513196"/>
                <a:gd name="connsiteY0" fmla="*/ 592931 h 592931"/>
                <a:gd name="connsiteX1" fmla="*/ 92821 w 513196"/>
                <a:gd name="connsiteY1" fmla="*/ 0 h 592931"/>
                <a:gd name="connsiteX2" fmla="*/ 0 w 513196"/>
                <a:gd name="connsiteY2" fmla="*/ 83939 h 592931"/>
                <a:gd name="connsiteX3" fmla="*/ 513196 w 513196"/>
                <a:gd name="connsiteY3" fmla="*/ 592931 h 592931"/>
              </a:gdLst>
              <a:ahLst/>
              <a:cxnLst>
                <a:cxn ang="0">
                  <a:pos x="connsiteX0" y="connsiteY0"/>
                </a:cxn>
                <a:cxn ang="0">
                  <a:pos x="connsiteX1" y="connsiteY1"/>
                </a:cxn>
                <a:cxn ang="0">
                  <a:pos x="connsiteX2" y="connsiteY2"/>
                </a:cxn>
                <a:cxn ang="0">
                  <a:pos x="connsiteX3" y="connsiteY3"/>
                </a:cxn>
              </a:cxnLst>
              <a:rect l="l" t="t" r="r" b="b"/>
              <a:pathLst>
                <a:path w="513196" h="592931">
                  <a:moveTo>
                    <a:pt x="513196" y="592931"/>
                  </a:moveTo>
                  <a:cubicBezTo>
                    <a:pt x="503378" y="305395"/>
                    <a:pt x="357006" y="84832"/>
                    <a:pt x="92821" y="0"/>
                  </a:cubicBezTo>
                  <a:cubicBezTo>
                    <a:pt x="64261" y="28575"/>
                    <a:pt x="33915" y="56257"/>
                    <a:pt x="0" y="83939"/>
                  </a:cubicBezTo>
                  <a:cubicBezTo>
                    <a:pt x="54443" y="351830"/>
                    <a:pt x="227591" y="550962"/>
                    <a:pt x="513196" y="592931"/>
                  </a:cubicBezTo>
                  <a:close/>
                </a:path>
              </a:pathLst>
            </a:custGeom>
            <a:grpFill/>
            <a:ln w="2970" cap="flat">
              <a:noFill/>
              <a:prstDash val="solid"/>
              <a:miter/>
            </a:ln>
          </p:spPr>
          <p:txBody>
            <a:bodyPr rtlCol="0" anchor="ctr"/>
            <a:lstStyle/>
            <a:p>
              <a:endParaRPr lang="en-US"/>
            </a:p>
          </p:txBody>
        </p:sp>
        <p:sp>
          <p:nvSpPr>
            <p:cNvPr id="171" name="Freeform 170">
              <a:extLst>
                <a:ext uri="{FF2B5EF4-FFF2-40B4-BE49-F238E27FC236}">
                  <a16:creationId xmlns:a16="http://schemas.microsoft.com/office/drawing/2014/main" id="{07DF75CD-DDE7-3165-BB35-0E202FF5157D}"/>
                </a:ext>
              </a:extLst>
            </p:cNvPr>
            <p:cNvSpPr/>
            <p:nvPr/>
          </p:nvSpPr>
          <p:spPr>
            <a:xfrm>
              <a:off x="6236895" y="2461865"/>
              <a:ext cx="684559" cy="377169"/>
            </a:xfrm>
            <a:custGeom>
              <a:avLst/>
              <a:gdLst>
                <a:gd name="connsiteX0" fmla="*/ 0 w 684559"/>
                <a:gd name="connsiteY0" fmla="*/ 31303 h 377169"/>
                <a:gd name="connsiteX1" fmla="*/ 684559 w 684559"/>
                <a:gd name="connsiteY1" fmla="*/ 359023 h 377169"/>
                <a:gd name="connsiteX2" fmla="*/ 571210 w 684559"/>
                <a:gd name="connsiteY2" fmla="*/ 149175 h 377169"/>
                <a:gd name="connsiteX3" fmla="*/ 0 w 684559"/>
                <a:gd name="connsiteY3" fmla="*/ 31303 h 377169"/>
              </a:gdLst>
              <a:ahLst/>
              <a:cxnLst>
                <a:cxn ang="0">
                  <a:pos x="connsiteX0" y="connsiteY0"/>
                </a:cxn>
                <a:cxn ang="0">
                  <a:pos x="connsiteX1" y="connsiteY1"/>
                </a:cxn>
                <a:cxn ang="0">
                  <a:pos x="connsiteX2" y="connsiteY2"/>
                </a:cxn>
                <a:cxn ang="0">
                  <a:pos x="connsiteX3" y="connsiteY3"/>
                </a:cxn>
              </a:cxnLst>
              <a:rect l="l" t="t" r="r" b="b"/>
              <a:pathLst>
                <a:path w="684559" h="377169">
                  <a:moveTo>
                    <a:pt x="0" y="31303"/>
                  </a:moveTo>
                  <a:cubicBezTo>
                    <a:pt x="142802" y="297408"/>
                    <a:pt x="389137" y="427782"/>
                    <a:pt x="684559" y="359023"/>
                  </a:cubicBezTo>
                  <a:cubicBezTo>
                    <a:pt x="643504" y="288478"/>
                    <a:pt x="605125" y="218827"/>
                    <a:pt x="571210" y="149175"/>
                  </a:cubicBezTo>
                  <a:cubicBezTo>
                    <a:pt x="416805" y="13444"/>
                    <a:pt x="218666" y="-39241"/>
                    <a:pt x="0" y="31303"/>
                  </a:cubicBezTo>
                  <a:close/>
                </a:path>
              </a:pathLst>
            </a:custGeom>
            <a:grpFill/>
            <a:ln w="2970" cap="flat">
              <a:noFill/>
              <a:prstDash val="solid"/>
              <a:miter/>
            </a:ln>
          </p:spPr>
          <p:txBody>
            <a:bodyPr rtlCol="0" anchor="ctr"/>
            <a:lstStyle/>
            <a:p>
              <a:endParaRPr lang="en-US"/>
            </a:p>
          </p:txBody>
        </p:sp>
        <p:sp>
          <p:nvSpPr>
            <p:cNvPr id="172" name="Freeform 171">
              <a:extLst>
                <a:ext uri="{FF2B5EF4-FFF2-40B4-BE49-F238E27FC236}">
                  <a16:creationId xmlns:a16="http://schemas.microsoft.com/office/drawing/2014/main" id="{CC789D89-98FB-C42C-1B8A-CF8C8336EDFD}"/>
                </a:ext>
              </a:extLst>
            </p:cNvPr>
            <p:cNvSpPr/>
            <p:nvPr/>
          </p:nvSpPr>
          <p:spPr>
            <a:xfrm>
              <a:off x="6915761" y="1774856"/>
              <a:ext cx="326105" cy="417382"/>
            </a:xfrm>
            <a:custGeom>
              <a:avLst/>
              <a:gdLst>
                <a:gd name="connsiteX0" fmla="*/ 294868 w 326105"/>
                <a:gd name="connsiteY0" fmla="*/ 4831 h 417382"/>
                <a:gd name="connsiteX1" fmla="*/ 290405 w 326105"/>
                <a:gd name="connsiteY1" fmla="*/ 21797 h 417382"/>
                <a:gd name="connsiteX2" fmla="*/ 252027 w 326105"/>
                <a:gd name="connsiteY2" fmla="*/ 1259 h 417382"/>
                <a:gd name="connsiteX3" fmla="*/ 238639 w 326105"/>
                <a:gd name="connsiteY3" fmla="*/ 4831 h 417382"/>
                <a:gd name="connsiteX4" fmla="*/ 242209 w 326105"/>
                <a:gd name="connsiteY4" fmla="*/ 18225 h 417382"/>
                <a:gd name="connsiteX5" fmla="*/ 284157 w 326105"/>
                <a:gd name="connsiteY5" fmla="*/ 41442 h 417382"/>
                <a:gd name="connsiteX6" fmla="*/ 255597 w 326105"/>
                <a:gd name="connsiteY6" fmla="*/ 116452 h 417382"/>
                <a:gd name="connsiteX7" fmla="*/ 208294 w 326105"/>
                <a:gd name="connsiteY7" fmla="*/ 91449 h 417382"/>
                <a:gd name="connsiteX8" fmla="*/ 194906 w 326105"/>
                <a:gd name="connsiteY8" fmla="*/ 95020 h 417382"/>
                <a:gd name="connsiteX9" fmla="*/ 198476 w 326105"/>
                <a:gd name="connsiteY9" fmla="*/ 108415 h 417382"/>
                <a:gd name="connsiteX10" fmla="*/ 246672 w 326105"/>
                <a:gd name="connsiteY10" fmla="*/ 134311 h 417382"/>
                <a:gd name="connsiteX11" fmla="*/ 209186 w 326105"/>
                <a:gd name="connsiteY11" fmla="*/ 205749 h 417382"/>
                <a:gd name="connsiteX12" fmla="*/ 153850 w 326105"/>
                <a:gd name="connsiteY12" fmla="*/ 176281 h 417382"/>
                <a:gd name="connsiteX13" fmla="*/ 140462 w 326105"/>
                <a:gd name="connsiteY13" fmla="*/ 180745 h 417382"/>
                <a:gd name="connsiteX14" fmla="*/ 144925 w 326105"/>
                <a:gd name="connsiteY14" fmla="*/ 194140 h 417382"/>
                <a:gd name="connsiteX15" fmla="*/ 199369 w 326105"/>
                <a:gd name="connsiteY15" fmla="*/ 222715 h 417382"/>
                <a:gd name="connsiteX16" fmla="*/ 152958 w 326105"/>
                <a:gd name="connsiteY16" fmla="*/ 290581 h 417382"/>
                <a:gd name="connsiteX17" fmla="*/ 88696 w 326105"/>
                <a:gd name="connsiteY17" fmla="*/ 257541 h 417382"/>
                <a:gd name="connsiteX18" fmla="*/ 75309 w 326105"/>
                <a:gd name="connsiteY18" fmla="*/ 262006 h 417382"/>
                <a:gd name="connsiteX19" fmla="*/ 79771 w 326105"/>
                <a:gd name="connsiteY19" fmla="*/ 275400 h 417382"/>
                <a:gd name="connsiteX20" fmla="*/ 141355 w 326105"/>
                <a:gd name="connsiteY20" fmla="*/ 307547 h 417382"/>
                <a:gd name="connsiteX21" fmla="*/ 82449 w 326105"/>
                <a:gd name="connsiteY21" fmla="*/ 370055 h 417382"/>
                <a:gd name="connsiteX22" fmla="*/ 14618 w 326105"/>
                <a:gd name="connsiteY22" fmla="*/ 335229 h 417382"/>
                <a:gd name="connsiteX23" fmla="*/ 1230 w 326105"/>
                <a:gd name="connsiteY23" fmla="*/ 339694 h 417382"/>
                <a:gd name="connsiteX24" fmla="*/ 5693 w 326105"/>
                <a:gd name="connsiteY24" fmla="*/ 353088 h 417382"/>
                <a:gd name="connsiteX25" fmla="*/ 66384 w 326105"/>
                <a:gd name="connsiteY25" fmla="*/ 384342 h 417382"/>
                <a:gd name="connsiteX26" fmla="*/ 37823 w 326105"/>
                <a:gd name="connsiteY26" fmla="*/ 405773 h 417382"/>
                <a:gd name="connsiteX27" fmla="*/ 52104 w 326105"/>
                <a:gd name="connsiteY27" fmla="*/ 417382 h 417382"/>
                <a:gd name="connsiteX28" fmla="*/ 326106 w 326105"/>
                <a:gd name="connsiteY28" fmla="*/ 33406 h 417382"/>
                <a:gd name="connsiteX29" fmla="*/ 294868 w 326105"/>
                <a:gd name="connsiteY29" fmla="*/ 4831 h 4173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326105" h="417382">
                  <a:moveTo>
                    <a:pt x="294868" y="4831"/>
                  </a:moveTo>
                  <a:cubicBezTo>
                    <a:pt x="293083" y="10188"/>
                    <a:pt x="291297" y="16439"/>
                    <a:pt x="290405" y="21797"/>
                  </a:cubicBezTo>
                  <a:lnTo>
                    <a:pt x="252027" y="1259"/>
                  </a:lnTo>
                  <a:cubicBezTo>
                    <a:pt x="247564" y="-1420"/>
                    <a:pt x="241317" y="366"/>
                    <a:pt x="238639" y="4831"/>
                  </a:cubicBezTo>
                  <a:cubicBezTo>
                    <a:pt x="235961" y="9295"/>
                    <a:pt x="237747" y="15546"/>
                    <a:pt x="242209" y="18225"/>
                  </a:cubicBezTo>
                  <a:lnTo>
                    <a:pt x="284157" y="41442"/>
                  </a:lnTo>
                  <a:cubicBezTo>
                    <a:pt x="276125" y="65552"/>
                    <a:pt x="267199" y="90555"/>
                    <a:pt x="255597" y="116452"/>
                  </a:cubicBezTo>
                  <a:lnTo>
                    <a:pt x="208294" y="91449"/>
                  </a:lnTo>
                  <a:cubicBezTo>
                    <a:pt x="203831" y="88770"/>
                    <a:pt x="197583" y="90555"/>
                    <a:pt x="194906" y="95020"/>
                  </a:cubicBezTo>
                  <a:cubicBezTo>
                    <a:pt x="192229" y="99485"/>
                    <a:pt x="194013" y="105736"/>
                    <a:pt x="198476" y="108415"/>
                  </a:cubicBezTo>
                  <a:lnTo>
                    <a:pt x="246672" y="134311"/>
                  </a:lnTo>
                  <a:cubicBezTo>
                    <a:pt x="235961" y="158421"/>
                    <a:pt x="223467" y="182531"/>
                    <a:pt x="209186" y="205749"/>
                  </a:cubicBezTo>
                  <a:lnTo>
                    <a:pt x="153850" y="176281"/>
                  </a:lnTo>
                  <a:cubicBezTo>
                    <a:pt x="149387" y="173602"/>
                    <a:pt x="143140" y="175388"/>
                    <a:pt x="140462" y="180745"/>
                  </a:cubicBezTo>
                  <a:cubicBezTo>
                    <a:pt x="137785" y="185210"/>
                    <a:pt x="139570" y="191461"/>
                    <a:pt x="144925" y="194140"/>
                  </a:cubicBezTo>
                  <a:lnTo>
                    <a:pt x="199369" y="222715"/>
                  </a:lnTo>
                  <a:cubicBezTo>
                    <a:pt x="185088" y="246825"/>
                    <a:pt x="169023" y="269149"/>
                    <a:pt x="152958" y="290581"/>
                  </a:cubicBezTo>
                  <a:lnTo>
                    <a:pt x="88696" y="257541"/>
                  </a:lnTo>
                  <a:cubicBezTo>
                    <a:pt x="84234" y="254862"/>
                    <a:pt x="77986" y="256648"/>
                    <a:pt x="75309" y="262006"/>
                  </a:cubicBezTo>
                  <a:cubicBezTo>
                    <a:pt x="72631" y="266470"/>
                    <a:pt x="74416" y="272721"/>
                    <a:pt x="79771" y="275400"/>
                  </a:cubicBezTo>
                  <a:lnTo>
                    <a:pt x="141355" y="307547"/>
                  </a:lnTo>
                  <a:cubicBezTo>
                    <a:pt x="122612" y="330764"/>
                    <a:pt x="102977" y="351302"/>
                    <a:pt x="82449" y="370055"/>
                  </a:cubicBezTo>
                  <a:lnTo>
                    <a:pt x="14618" y="335229"/>
                  </a:lnTo>
                  <a:cubicBezTo>
                    <a:pt x="10155" y="332550"/>
                    <a:pt x="3907" y="334336"/>
                    <a:pt x="1230" y="339694"/>
                  </a:cubicBezTo>
                  <a:cubicBezTo>
                    <a:pt x="-1447" y="344159"/>
                    <a:pt x="338" y="350409"/>
                    <a:pt x="5693" y="353088"/>
                  </a:cubicBezTo>
                  <a:lnTo>
                    <a:pt x="66384" y="384342"/>
                  </a:lnTo>
                  <a:cubicBezTo>
                    <a:pt x="56566" y="392379"/>
                    <a:pt x="47641" y="399523"/>
                    <a:pt x="37823" y="405773"/>
                  </a:cubicBezTo>
                  <a:lnTo>
                    <a:pt x="52104" y="417382"/>
                  </a:lnTo>
                  <a:cubicBezTo>
                    <a:pt x="178841" y="341480"/>
                    <a:pt x="284157" y="173602"/>
                    <a:pt x="326106" y="33406"/>
                  </a:cubicBezTo>
                  <a:lnTo>
                    <a:pt x="294868" y="4831"/>
                  </a:lnTo>
                  <a:close/>
                </a:path>
              </a:pathLst>
            </a:custGeom>
            <a:grpFill/>
            <a:ln w="2970" cap="flat">
              <a:noFill/>
              <a:prstDash val="solid"/>
              <a:miter/>
            </a:ln>
          </p:spPr>
          <p:txBody>
            <a:bodyPr rtlCol="0" anchor="ctr"/>
            <a:lstStyle/>
            <a:p>
              <a:endParaRPr lang="en-US"/>
            </a:p>
          </p:txBody>
        </p:sp>
        <p:sp>
          <p:nvSpPr>
            <p:cNvPr id="173" name="Freeform 172">
              <a:extLst>
                <a:ext uri="{FF2B5EF4-FFF2-40B4-BE49-F238E27FC236}">
                  <a16:creationId xmlns:a16="http://schemas.microsoft.com/office/drawing/2014/main" id="{4E4E6184-FCD4-04D1-9C88-583EDDD6D302}"/>
                </a:ext>
              </a:extLst>
            </p:cNvPr>
            <p:cNvSpPr/>
            <p:nvPr/>
          </p:nvSpPr>
          <p:spPr>
            <a:xfrm>
              <a:off x="7830439" y="3234737"/>
              <a:ext cx="383376" cy="292488"/>
            </a:xfrm>
            <a:custGeom>
              <a:avLst/>
              <a:gdLst>
                <a:gd name="connsiteX0" fmla="*/ 378914 w 383376"/>
                <a:gd name="connsiteY0" fmla="*/ 34421 h 292488"/>
                <a:gd name="connsiteX1" fmla="*/ 336073 w 383376"/>
                <a:gd name="connsiteY1" fmla="*/ 48708 h 292488"/>
                <a:gd name="connsiteX2" fmla="*/ 333396 w 383376"/>
                <a:gd name="connsiteY2" fmla="*/ 45136 h 292488"/>
                <a:gd name="connsiteX3" fmla="*/ 283415 w 383376"/>
                <a:gd name="connsiteY3" fmla="*/ 2274 h 292488"/>
                <a:gd name="connsiteX4" fmla="*/ 270027 w 383376"/>
                <a:gd name="connsiteY4" fmla="*/ 3167 h 292488"/>
                <a:gd name="connsiteX5" fmla="*/ 270920 w 383376"/>
                <a:gd name="connsiteY5" fmla="*/ 16561 h 292488"/>
                <a:gd name="connsiteX6" fmla="*/ 317331 w 383376"/>
                <a:gd name="connsiteY6" fmla="*/ 56745 h 292488"/>
                <a:gd name="connsiteX7" fmla="*/ 239682 w 383376"/>
                <a:gd name="connsiteY7" fmla="*/ 99607 h 292488"/>
                <a:gd name="connsiteX8" fmla="*/ 168281 w 383376"/>
                <a:gd name="connsiteY8" fmla="*/ 38886 h 292488"/>
                <a:gd name="connsiteX9" fmla="*/ 154893 w 383376"/>
                <a:gd name="connsiteY9" fmla="*/ 39779 h 292488"/>
                <a:gd name="connsiteX10" fmla="*/ 155785 w 383376"/>
                <a:gd name="connsiteY10" fmla="*/ 53173 h 292488"/>
                <a:gd name="connsiteX11" fmla="*/ 223617 w 383376"/>
                <a:gd name="connsiteY11" fmla="*/ 111216 h 292488"/>
                <a:gd name="connsiteX12" fmla="*/ 161141 w 383376"/>
                <a:gd name="connsiteY12" fmla="*/ 163008 h 292488"/>
                <a:gd name="connsiteX13" fmla="*/ 87061 w 383376"/>
                <a:gd name="connsiteY13" fmla="*/ 100500 h 292488"/>
                <a:gd name="connsiteX14" fmla="*/ 73674 w 383376"/>
                <a:gd name="connsiteY14" fmla="*/ 101393 h 292488"/>
                <a:gd name="connsiteX15" fmla="*/ 74567 w 383376"/>
                <a:gd name="connsiteY15" fmla="*/ 114788 h 292488"/>
                <a:gd name="connsiteX16" fmla="*/ 147753 w 383376"/>
                <a:gd name="connsiteY16" fmla="*/ 176403 h 292488"/>
                <a:gd name="connsiteX17" fmla="*/ 94202 w 383376"/>
                <a:gd name="connsiteY17" fmla="*/ 237124 h 292488"/>
                <a:gd name="connsiteX18" fmla="*/ 15660 w 383376"/>
                <a:gd name="connsiteY18" fmla="*/ 171045 h 292488"/>
                <a:gd name="connsiteX19" fmla="*/ 2273 w 383376"/>
                <a:gd name="connsiteY19" fmla="*/ 171938 h 292488"/>
                <a:gd name="connsiteX20" fmla="*/ 3165 w 383376"/>
                <a:gd name="connsiteY20" fmla="*/ 185332 h 292488"/>
                <a:gd name="connsiteX21" fmla="*/ 83492 w 383376"/>
                <a:gd name="connsiteY21" fmla="*/ 252305 h 292488"/>
                <a:gd name="connsiteX22" fmla="*/ 73674 w 383376"/>
                <a:gd name="connsiteY22" fmla="*/ 266593 h 292488"/>
                <a:gd name="connsiteX23" fmla="*/ 109374 w 383376"/>
                <a:gd name="connsiteY23" fmla="*/ 292489 h 292488"/>
                <a:gd name="connsiteX24" fmla="*/ 383377 w 383376"/>
                <a:gd name="connsiteY24" fmla="*/ 49601 h 292488"/>
                <a:gd name="connsiteX25" fmla="*/ 378914 w 383376"/>
                <a:gd name="connsiteY25" fmla="*/ 34421 h 2924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383376" h="292488">
                  <a:moveTo>
                    <a:pt x="378914" y="34421"/>
                  </a:moveTo>
                  <a:cubicBezTo>
                    <a:pt x="364634" y="37993"/>
                    <a:pt x="350353" y="42457"/>
                    <a:pt x="336073" y="48708"/>
                  </a:cubicBezTo>
                  <a:cubicBezTo>
                    <a:pt x="335181" y="46922"/>
                    <a:pt x="334288" y="46029"/>
                    <a:pt x="333396" y="45136"/>
                  </a:cubicBezTo>
                  <a:lnTo>
                    <a:pt x="283415" y="2274"/>
                  </a:lnTo>
                  <a:cubicBezTo>
                    <a:pt x="278952" y="-1298"/>
                    <a:pt x="273597" y="-405"/>
                    <a:pt x="270027" y="3167"/>
                  </a:cubicBezTo>
                  <a:cubicBezTo>
                    <a:pt x="266457" y="7632"/>
                    <a:pt x="267350" y="12990"/>
                    <a:pt x="270920" y="16561"/>
                  </a:cubicBezTo>
                  <a:lnTo>
                    <a:pt x="317331" y="56745"/>
                  </a:lnTo>
                  <a:cubicBezTo>
                    <a:pt x="290555" y="68353"/>
                    <a:pt x="264672" y="82641"/>
                    <a:pt x="239682" y="99607"/>
                  </a:cubicBezTo>
                  <a:lnTo>
                    <a:pt x="168281" y="38886"/>
                  </a:lnTo>
                  <a:cubicBezTo>
                    <a:pt x="163818" y="35314"/>
                    <a:pt x="158463" y="36206"/>
                    <a:pt x="154893" y="39779"/>
                  </a:cubicBezTo>
                  <a:cubicBezTo>
                    <a:pt x="151323" y="44243"/>
                    <a:pt x="152215" y="49601"/>
                    <a:pt x="155785" y="53173"/>
                  </a:cubicBezTo>
                  <a:lnTo>
                    <a:pt x="223617" y="111216"/>
                  </a:lnTo>
                  <a:cubicBezTo>
                    <a:pt x="201304" y="127289"/>
                    <a:pt x="180776" y="144256"/>
                    <a:pt x="161141" y="163008"/>
                  </a:cubicBezTo>
                  <a:lnTo>
                    <a:pt x="87061" y="100500"/>
                  </a:lnTo>
                  <a:cubicBezTo>
                    <a:pt x="82599" y="96929"/>
                    <a:pt x="77244" y="97822"/>
                    <a:pt x="73674" y="101393"/>
                  </a:cubicBezTo>
                  <a:cubicBezTo>
                    <a:pt x="70104" y="105858"/>
                    <a:pt x="70996" y="111216"/>
                    <a:pt x="74567" y="114788"/>
                  </a:cubicBezTo>
                  <a:lnTo>
                    <a:pt x="147753" y="176403"/>
                  </a:lnTo>
                  <a:cubicBezTo>
                    <a:pt x="128117" y="196048"/>
                    <a:pt x="110267" y="216586"/>
                    <a:pt x="94202" y="237124"/>
                  </a:cubicBezTo>
                  <a:lnTo>
                    <a:pt x="15660" y="171045"/>
                  </a:lnTo>
                  <a:cubicBezTo>
                    <a:pt x="11198" y="167473"/>
                    <a:pt x="5843" y="168366"/>
                    <a:pt x="2273" y="171938"/>
                  </a:cubicBezTo>
                  <a:cubicBezTo>
                    <a:pt x="-1297" y="176403"/>
                    <a:pt x="-405" y="181761"/>
                    <a:pt x="3165" y="185332"/>
                  </a:cubicBezTo>
                  <a:lnTo>
                    <a:pt x="83492" y="252305"/>
                  </a:lnTo>
                  <a:cubicBezTo>
                    <a:pt x="79921" y="256770"/>
                    <a:pt x="77244" y="261235"/>
                    <a:pt x="73674" y="266593"/>
                  </a:cubicBezTo>
                  <a:lnTo>
                    <a:pt x="109374" y="292489"/>
                  </a:lnTo>
                  <a:cubicBezTo>
                    <a:pt x="168281" y="191583"/>
                    <a:pt x="270920" y="83534"/>
                    <a:pt x="383377" y="49601"/>
                  </a:cubicBezTo>
                  <a:lnTo>
                    <a:pt x="378914" y="34421"/>
                  </a:lnTo>
                  <a:close/>
                </a:path>
              </a:pathLst>
            </a:custGeom>
            <a:grpFill/>
            <a:ln w="2970" cap="flat">
              <a:noFill/>
              <a:prstDash val="solid"/>
              <a:miter/>
            </a:ln>
          </p:spPr>
          <p:txBody>
            <a:bodyPr rtlCol="0" anchor="ctr"/>
            <a:lstStyle/>
            <a:p>
              <a:endParaRPr lang="en-US"/>
            </a:p>
          </p:txBody>
        </p:sp>
        <p:sp>
          <p:nvSpPr>
            <p:cNvPr id="174" name="Freeform 173">
              <a:extLst>
                <a:ext uri="{FF2B5EF4-FFF2-40B4-BE49-F238E27FC236}">
                  <a16:creationId xmlns:a16="http://schemas.microsoft.com/office/drawing/2014/main" id="{A4DB5EAB-E549-59C8-8152-8C3871BE9669}"/>
                </a:ext>
              </a:extLst>
            </p:cNvPr>
            <p:cNvSpPr/>
            <p:nvPr/>
          </p:nvSpPr>
          <p:spPr>
            <a:xfrm>
              <a:off x="6089446" y="927794"/>
              <a:ext cx="337185" cy="842962"/>
            </a:xfrm>
            <a:custGeom>
              <a:avLst/>
              <a:gdLst>
                <a:gd name="connsiteX0" fmla="*/ 201893 w 337185"/>
                <a:gd name="connsiteY0" fmla="*/ 0 h 842962"/>
                <a:gd name="connsiteX1" fmla="*/ 117996 w 337185"/>
                <a:gd name="connsiteY1" fmla="*/ 842963 h 842962"/>
                <a:gd name="connsiteX2" fmla="*/ 242056 w 337185"/>
                <a:gd name="connsiteY2" fmla="*/ 725091 h 842962"/>
                <a:gd name="connsiteX3" fmla="*/ 201893 w 337185"/>
                <a:gd name="connsiteY3" fmla="*/ 0 h 842962"/>
              </a:gdLst>
              <a:ahLst/>
              <a:cxnLst>
                <a:cxn ang="0">
                  <a:pos x="connsiteX0" y="connsiteY0"/>
                </a:cxn>
                <a:cxn ang="0">
                  <a:pos x="connsiteX1" y="connsiteY1"/>
                </a:cxn>
                <a:cxn ang="0">
                  <a:pos x="connsiteX2" y="connsiteY2"/>
                </a:cxn>
                <a:cxn ang="0">
                  <a:pos x="connsiteX3" y="connsiteY3"/>
                </a:cxn>
              </a:cxnLst>
              <a:rect l="l" t="t" r="r" b="b"/>
              <a:pathLst>
                <a:path w="337185" h="842962">
                  <a:moveTo>
                    <a:pt x="201893" y="0"/>
                  </a:moveTo>
                  <a:cubicBezTo>
                    <a:pt x="-26591" y="248245"/>
                    <a:pt x="-70324" y="557213"/>
                    <a:pt x="117996" y="842963"/>
                  </a:cubicBezTo>
                  <a:cubicBezTo>
                    <a:pt x="153697" y="804565"/>
                    <a:pt x="195645" y="765274"/>
                    <a:pt x="242056" y="725091"/>
                  </a:cubicBezTo>
                  <a:cubicBezTo>
                    <a:pt x="373255" y="492026"/>
                    <a:pt x="376826" y="230386"/>
                    <a:pt x="201893" y="0"/>
                  </a:cubicBezTo>
                  <a:close/>
                </a:path>
              </a:pathLst>
            </a:custGeom>
            <a:grpFill/>
            <a:ln w="2970" cap="flat">
              <a:noFill/>
              <a:prstDash val="solid"/>
              <a:miter/>
            </a:ln>
          </p:spPr>
          <p:txBody>
            <a:bodyPr rtlCol="0" anchor="ctr"/>
            <a:lstStyle/>
            <a:p>
              <a:endParaRPr lang="en-US"/>
            </a:p>
          </p:txBody>
        </p:sp>
        <p:sp>
          <p:nvSpPr>
            <p:cNvPr id="175" name="Freeform 174">
              <a:extLst>
                <a:ext uri="{FF2B5EF4-FFF2-40B4-BE49-F238E27FC236}">
                  <a16:creationId xmlns:a16="http://schemas.microsoft.com/office/drawing/2014/main" id="{C5C0D2A8-A9F5-CCEA-3C98-60BA6767C348}"/>
                </a:ext>
              </a:extLst>
            </p:cNvPr>
            <p:cNvSpPr/>
            <p:nvPr/>
          </p:nvSpPr>
          <p:spPr>
            <a:xfrm>
              <a:off x="4461682" y="1944885"/>
              <a:ext cx="606910" cy="646509"/>
            </a:xfrm>
            <a:custGeom>
              <a:avLst/>
              <a:gdLst>
                <a:gd name="connsiteX0" fmla="*/ 606911 w 606910"/>
                <a:gd name="connsiteY0" fmla="*/ 0 h 646509"/>
                <a:gd name="connsiteX1" fmla="*/ 0 w 606910"/>
                <a:gd name="connsiteY1" fmla="*/ 618827 h 646509"/>
                <a:gd name="connsiteX2" fmla="*/ 98177 w 606910"/>
                <a:gd name="connsiteY2" fmla="*/ 646509 h 646509"/>
                <a:gd name="connsiteX3" fmla="*/ 606911 w 606910"/>
                <a:gd name="connsiteY3" fmla="*/ 0 h 646509"/>
              </a:gdLst>
              <a:ahLst/>
              <a:cxnLst>
                <a:cxn ang="0">
                  <a:pos x="connsiteX0" y="connsiteY0"/>
                </a:cxn>
                <a:cxn ang="0">
                  <a:pos x="connsiteX1" y="connsiteY1"/>
                </a:cxn>
                <a:cxn ang="0">
                  <a:pos x="connsiteX2" y="connsiteY2"/>
                </a:cxn>
                <a:cxn ang="0">
                  <a:pos x="connsiteX3" y="connsiteY3"/>
                </a:cxn>
              </a:cxnLst>
              <a:rect l="l" t="t" r="r" b="b"/>
              <a:pathLst>
                <a:path w="606910" h="646509">
                  <a:moveTo>
                    <a:pt x="606911" y="0"/>
                  </a:moveTo>
                  <a:cubicBezTo>
                    <a:pt x="265970" y="56257"/>
                    <a:pt x="34808" y="274141"/>
                    <a:pt x="0" y="618827"/>
                  </a:cubicBezTo>
                  <a:cubicBezTo>
                    <a:pt x="33023" y="627757"/>
                    <a:pt x="65154" y="636687"/>
                    <a:pt x="98177" y="646509"/>
                  </a:cubicBezTo>
                  <a:cubicBezTo>
                    <a:pt x="396277" y="550962"/>
                    <a:pt x="601555" y="328613"/>
                    <a:pt x="606911" y="0"/>
                  </a:cubicBezTo>
                  <a:close/>
                </a:path>
              </a:pathLst>
            </a:custGeom>
            <a:grpFill/>
            <a:ln w="2970" cap="flat">
              <a:noFill/>
              <a:prstDash val="solid"/>
              <a:miter/>
            </a:ln>
          </p:spPr>
          <p:txBody>
            <a:bodyPr rtlCol="0" anchor="ctr"/>
            <a:lstStyle/>
            <a:p>
              <a:endParaRPr lang="en-US"/>
            </a:p>
          </p:txBody>
        </p:sp>
        <p:grpSp>
          <p:nvGrpSpPr>
            <p:cNvPr id="176" name="Picture Placeholder 134">
              <a:extLst>
                <a:ext uri="{FF2B5EF4-FFF2-40B4-BE49-F238E27FC236}">
                  <a16:creationId xmlns:a16="http://schemas.microsoft.com/office/drawing/2014/main" id="{B3EE63D4-F295-3525-FB0C-B63083A65D84}"/>
                </a:ext>
              </a:extLst>
            </p:cNvPr>
            <p:cNvGrpSpPr/>
            <p:nvPr/>
          </p:nvGrpSpPr>
          <p:grpSpPr>
            <a:xfrm>
              <a:off x="3704464" y="1860946"/>
              <a:ext cx="4319889" cy="740271"/>
              <a:chOff x="3704464" y="1860946"/>
              <a:chExt cx="4319889" cy="740271"/>
            </a:xfrm>
            <a:grpFill/>
          </p:grpSpPr>
          <p:sp>
            <p:nvSpPr>
              <p:cNvPr id="177" name="Freeform 176">
                <a:extLst>
                  <a:ext uri="{FF2B5EF4-FFF2-40B4-BE49-F238E27FC236}">
                    <a16:creationId xmlns:a16="http://schemas.microsoft.com/office/drawing/2014/main" id="{1CC7CCA2-2B0C-E522-DC44-2B4C7CE77A47}"/>
                  </a:ext>
                </a:extLst>
              </p:cNvPr>
              <p:cNvSpPr/>
              <p:nvPr/>
            </p:nvSpPr>
            <p:spPr>
              <a:xfrm>
                <a:off x="3704464" y="1880592"/>
                <a:ext cx="337736" cy="279499"/>
              </a:xfrm>
              <a:custGeom>
                <a:avLst/>
                <a:gdLst>
                  <a:gd name="connsiteX0" fmla="*/ 337736 w 337736"/>
                  <a:gd name="connsiteY0" fmla="*/ 233958 h 279499"/>
                  <a:gd name="connsiteX1" fmla="*/ 116393 w 337736"/>
                  <a:gd name="connsiteY1" fmla="*/ 0 h 279499"/>
                  <a:gd name="connsiteX2" fmla="*/ 82477 w 337736"/>
                  <a:gd name="connsiteY2" fmla="*/ 19645 h 279499"/>
                  <a:gd name="connsiteX3" fmla="*/ 94080 w 337736"/>
                  <a:gd name="connsiteY3" fmla="*/ 39291 h 279499"/>
                  <a:gd name="connsiteX4" fmla="*/ 4828 w 337736"/>
                  <a:gd name="connsiteY4" fmla="*/ 90190 h 279499"/>
                  <a:gd name="connsiteX5" fmla="*/ 1258 w 337736"/>
                  <a:gd name="connsiteY5" fmla="*/ 103584 h 279499"/>
                  <a:gd name="connsiteX6" fmla="*/ 9291 w 337736"/>
                  <a:gd name="connsiteY6" fmla="*/ 108049 h 279499"/>
                  <a:gd name="connsiteX7" fmla="*/ 13753 w 337736"/>
                  <a:gd name="connsiteY7" fmla="*/ 107156 h 279499"/>
                  <a:gd name="connsiteX8" fmla="*/ 103897 w 337736"/>
                  <a:gd name="connsiteY8" fmla="*/ 56257 h 279499"/>
                  <a:gd name="connsiteX9" fmla="*/ 154771 w 337736"/>
                  <a:gd name="connsiteY9" fmla="*/ 121444 h 279499"/>
                  <a:gd name="connsiteX10" fmla="*/ 51239 w 337736"/>
                  <a:gd name="connsiteY10" fmla="*/ 179487 h 279499"/>
                  <a:gd name="connsiteX11" fmla="*/ 47669 w 337736"/>
                  <a:gd name="connsiteY11" fmla="*/ 192881 h 279499"/>
                  <a:gd name="connsiteX12" fmla="*/ 55701 w 337736"/>
                  <a:gd name="connsiteY12" fmla="*/ 198239 h 279499"/>
                  <a:gd name="connsiteX13" fmla="*/ 60164 w 337736"/>
                  <a:gd name="connsiteY13" fmla="*/ 197346 h 279499"/>
                  <a:gd name="connsiteX14" fmla="*/ 168158 w 337736"/>
                  <a:gd name="connsiteY14" fmla="*/ 136624 h 279499"/>
                  <a:gd name="connsiteX15" fmla="*/ 234204 w 337736"/>
                  <a:gd name="connsiteY15" fmla="*/ 193774 h 279499"/>
                  <a:gd name="connsiteX16" fmla="*/ 115500 w 337736"/>
                  <a:gd name="connsiteY16" fmla="*/ 260747 h 279499"/>
                  <a:gd name="connsiteX17" fmla="*/ 111930 w 337736"/>
                  <a:gd name="connsiteY17" fmla="*/ 274141 h 279499"/>
                  <a:gd name="connsiteX18" fmla="*/ 119963 w 337736"/>
                  <a:gd name="connsiteY18" fmla="*/ 279499 h 279499"/>
                  <a:gd name="connsiteX19" fmla="*/ 124425 w 337736"/>
                  <a:gd name="connsiteY19" fmla="*/ 278606 h 279499"/>
                  <a:gd name="connsiteX20" fmla="*/ 251162 w 337736"/>
                  <a:gd name="connsiteY20" fmla="*/ 207169 h 279499"/>
                  <a:gd name="connsiteX21" fmla="*/ 331489 w 337736"/>
                  <a:gd name="connsiteY21" fmla="*/ 248245 h 279499"/>
                  <a:gd name="connsiteX22" fmla="*/ 337736 w 337736"/>
                  <a:gd name="connsiteY22" fmla="*/ 233958 h 2794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337736" h="279499">
                    <a:moveTo>
                      <a:pt x="337736" y="233958"/>
                    </a:moveTo>
                    <a:cubicBezTo>
                      <a:pt x="242237" y="194667"/>
                      <a:pt x="160126" y="92869"/>
                      <a:pt x="116393" y="0"/>
                    </a:cubicBezTo>
                    <a:lnTo>
                      <a:pt x="82477" y="19645"/>
                    </a:lnTo>
                    <a:cubicBezTo>
                      <a:pt x="86047" y="26789"/>
                      <a:pt x="90510" y="33040"/>
                      <a:pt x="94080" y="39291"/>
                    </a:cubicBezTo>
                    <a:lnTo>
                      <a:pt x="4828" y="90190"/>
                    </a:lnTo>
                    <a:cubicBezTo>
                      <a:pt x="366" y="92869"/>
                      <a:pt x="-1420" y="99119"/>
                      <a:pt x="1258" y="103584"/>
                    </a:cubicBezTo>
                    <a:cubicBezTo>
                      <a:pt x="3043" y="107156"/>
                      <a:pt x="6613" y="108049"/>
                      <a:pt x="9291" y="108049"/>
                    </a:cubicBezTo>
                    <a:cubicBezTo>
                      <a:pt x="11076" y="108049"/>
                      <a:pt x="12861" y="108049"/>
                      <a:pt x="13753" y="107156"/>
                    </a:cubicBezTo>
                    <a:lnTo>
                      <a:pt x="103897" y="56257"/>
                    </a:lnTo>
                    <a:cubicBezTo>
                      <a:pt x="118177" y="78581"/>
                      <a:pt x="136028" y="100012"/>
                      <a:pt x="154771" y="121444"/>
                    </a:cubicBezTo>
                    <a:lnTo>
                      <a:pt x="51239" y="179487"/>
                    </a:lnTo>
                    <a:cubicBezTo>
                      <a:pt x="46776" y="182166"/>
                      <a:pt x="44991" y="187523"/>
                      <a:pt x="47669" y="192881"/>
                    </a:cubicBezTo>
                    <a:cubicBezTo>
                      <a:pt x="49454" y="196453"/>
                      <a:pt x="53024" y="198239"/>
                      <a:pt x="55701" y="198239"/>
                    </a:cubicBezTo>
                    <a:cubicBezTo>
                      <a:pt x="57486" y="198239"/>
                      <a:pt x="59272" y="198239"/>
                      <a:pt x="60164" y="197346"/>
                    </a:cubicBezTo>
                    <a:lnTo>
                      <a:pt x="168158" y="136624"/>
                    </a:lnTo>
                    <a:cubicBezTo>
                      <a:pt x="188686" y="157162"/>
                      <a:pt x="210999" y="176808"/>
                      <a:pt x="234204" y="193774"/>
                    </a:cubicBezTo>
                    <a:lnTo>
                      <a:pt x="115500" y="260747"/>
                    </a:lnTo>
                    <a:cubicBezTo>
                      <a:pt x="111037" y="263426"/>
                      <a:pt x="109252" y="269677"/>
                      <a:pt x="111930" y="274141"/>
                    </a:cubicBezTo>
                    <a:cubicBezTo>
                      <a:pt x="113715" y="277713"/>
                      <a:pt x="117285" y="279499"/>
                      <a:pt x="119963" y="279499"/>
                    </a:cubicBezTo>
                    <a:cubicBezTo>
                      <a:pt x="121748" y="279499"/>
                      <a:pt x="123533" y="279499"/>
                      <a:pt x="124425" y="278606"/>
                    </a:cubicBezTo>
                    <a:lnTo>
                      <a:pt x="251162" y="207169"/>
                    </a:lnTo>
                    <a:cubicBezTo>
                      <a:pt x="277045" y="224135"/>
                      <a:pt x="303821" y="238423"/>
                      <a:pt x="331489" y="248245"/>
                    </a:cubicBezTo>
                    <a:lnTo>
                      <a:pt x="337736" y="233958"/>
                    </a:lnTo>
                    <a:close/>
                  </a:path>
                </a:pathLst>
              </a:custGeom>
              <a:grpFill/>
              <a:ln w="2970" cap="flat">
                <a:noFill/>
                <a:prstDash val="solid"/>
                <a:miter/>
              </a:ln>
            </p:spPr>
            <p:txBody>
              <a:bodyPr rtlCol="0" anchor="ctr"/>
              <a:lstStyle/>
              <a:p>
                <a:endParaRPr lang="en-US"/>
              </a:p>
            </p:txBody>
          </p:sp>
          <p:sp>
            <p:nvSpPr>
              <p:cNvPr id="178" name="Freeform 177">
                <a:extLst>
                  <a:ext uri="{FF2B5EF4-FFF2-40B4-BE49-F238E27FC236}">
                    <a16:creationId xmlns:a16="http://schemas.microsoft.com/office/drawing/2014/main" id="{BDD6AC22-22DF-B617-CF8A-C7BBDEADD478}"/>
                  </a:ext>
                </a:extLst>
              </p:cNvPr>
              <p:cNvSpPr/>
              <p:nvPr/>
            </p:nvSpPr>
            <p:spPr>
              <a:xfrm>
                <a:off x="4449187" y="1860946"/>
                <a:ext cx="695269" cy="740271"/>
              </a:xfrm>
              <a:custGeom>
                <a:avLst/>
                <a:gdLst>
                  <a:gd name="connsiteX0" fmla="*/ 619406 w 695269"/>
                  <a:gd name="connsiteY0" fmla="*/ 83939 h 740271"/>
                  <a:gd name="connsiteX1" fmla="*/ 110672 w 695269"/>
                  <a:gd name="connsiteY1" fmla="*/ 730449 h 740271"/>
                  <a:gd name="connsiteX2" fmla="*/ 141017 w 695269"/>
                  <a:gd name="connsiteY2" fmla="*/ 740271 h 740271"/>
                  <a:gd name="connsiteX3" fmla="*/ 264184 w 695269"/>
                  <a:gd name="connsiteY3" fmla="*/ 695623 h 740271"/>
                  <a:gd name="connsiteX4" fmla="*/ 694377 w 695269"/>
                  <a:gd name="connsiteY4" fmla="*/ 42863 h 740271"/>
                  <a:gd name="connsiteX5" fmla="*/ 695270 w 695269"/>
                  <a:gd name="connsiteY5" fmla="*/ 0 h 740271"/>
                  <a:gd name="connsiteX6" fmla="*/ 651536 w 695269"/>
                  <a:gd name="connsiteY6" fmla="*/ 7144 h 740271"/>
                  <a:gd name="connsiteX7" fmla="*/ 0 w 695269"/>
                  <a:gd name="connsiteY7" fmla="*/ 700981 h 740271"/>
                  <a:gd name="connsiteX8" fmla="*/ 12495 w 695269"/>
                  <a:gd name="connsiteY8" fmla="*/ 704552 h 740271"/>
                  <a:gd name="connsiteX9" fmla="*/ 619406 w 695269"/>
                  <a:gd name="connsiteY9" fmla="*/ 83939 h 74027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95269" h="740271">
                    <a:moveTo>
                      <a:pt x="619406" y="83939"/>
                    </a:moveTo>
                    <a:cubicBezTo>
                      <a:pt x="614050" y="413445"/>
                      <a:pt x="408772" y="634901"/>
                      <a:pt x="110672" y="730449"/>
                    </a:cubicBezTo>
                    <a:cubicBezTo>
                      <a:pt x="120490" y="733127"/>
                      <a:pt x="131200" y="736699"/>
                      <a:pt x="141017" y="740271"/>
                    </a:cubicBezTo>
                    <a:cubicBezTo>
                      <a:pt x="182966" y="727770"/>
                      <a:pt x="224021" y="711696"/>
                      <a:pt x="264184" y="695623"/>
                    </a:cubicBezTo>
                    <a:cubicBezTo>
                      <a:pt x="530154" y="584002"/>
                      <a:pt x="689914" y="327720"/>
                      <a:pt x="694377" y="42863"/>
                    </a:cubicBezTo>
                    <a:lnTo>
                      <a:pt x="695270" y="0"/>
                    </a:lnTo>
                    <a:cubicBezTo>
                      <a:pt x="695270" y="0"/>
                      <a:pt x="651536" y="7144"/>
                      <a:pt x="651536" y="7144"/>
                    </a:cubicBezTo>
                    <a:cubicBezTo>
                      <a:pt x="286497" y="66080"/>
                      <a:pt x="6248" y="331291"/>
                      <a:pt x="0" y="700981"/>
                    </a:cubicBezTo>
                    <a:cubicBezTo>
                      <a:pt x="4463" y="701874"/>
                      <a:pt x="8925" y="703660"/>
                      <a:pt x="12495" y="704552"/>
                    </a:cubicBezTo>
                    <a:cubicBezTo>
                      <a:pt x="47303" y="358081"/>
                      <a:pt x="278465" y="139303"/>
                      <a:pt x="619406" y="83939"/>
                    </a:cubicBezTo>
                    <a:close/>
                  </a:path>
                </a:pathLst>
              </a:custGeom>
              <a:grpFill/>
              <a:ln w="2970" cap="flat">
                <a:noFill/>
                <a:prstDash val="solid"/>
                <a:miter/>
              </a:ln>
            </p:spPr>
            <p:txBody>
              <a:bodyPr rtlCol="0" anchor="ctr"/>
              <a:lstStyle/>
              <a:p>
                <a:endParaRPr lang="en-US"/>
              </a:p>
            </p:txBody>
          </p:sp>
        </p:grpSp>
        <p:sp>
          <p:nvSpPr>
            <p:cNvPr id="179" name="Freeform 178">
              <a:extLst>
                <a:ext uri="{FF2B5EF4-FFF2-40B4-BE49-F238E27FC236}">
                  <a16:creationId xmlns:a16="http://schemas.microsoft.com/office/drawing/2014/main" id="{950EBBCB-C774-5257-4B9C-136CF7A5E982}"/>
                </a:ext>
              </a:extLst>
            </p:cNvPr>
            <p:cNvSpPr/>
            <p:nvPr/>
          </p:nvSpPr>
          <p:spPr>
            <a:xfrm>
              <a:off x="5458071" y="711696"/>
              <a:ext cx="207934" cy="427732"/>
            </a:xfrm>
            <a:custGeom>
              <a:avLst/>
              <a:gdLst>
                <a:gd name="connsiteX0" fmla="*/ 195119 w 207934"/>
                <a:gd name="connsiteY0" fmla="*/ 0 h 427732"/>
                <a:gd name="connsiteX1" fmla="*/ 178161 w 207934"/>
                <a:gd name="connsiteY1" fmla="*/ 3572 h 427732"/>
                <a:gd name="connsiteX2" fmla="*/ 184409 w 207934"/>
                <a:gd name="connsiteY2" fmla="*/ 75009 h 427732"/>
                <a:gd name="connsiteX3" fmla="*/ 116577 w 207934"/>
                <a:gd name="connsiteY3" fmla="*/ 50899 h 427732"/>
                <a:gd name="connsiteX4" fmla="*/ 104083 w 207934"/>
                <a:gd name="connsiteY4" fmla="*/ 57150 h 427732"/>
                <a:gd name="connsiteX5" fmla="*/ 110330 w 207934"/>
                <a:gd name="connsiteY5" fmla="*/ 69652 h 427732"/>
                <a:gd name="connsiteX6" fmla="*/ 184409 w 207934"/>
                <a:gd name="connsiteY6" fmla="*/ 95548 h 427732"/>
                <a:gd name="connsiteX7" fmla="*/ 173699 w 207934"/>
                <a:gd name="connsiteY7" fmla="*/ 177701 h 427732"/>
                <a:gd name="connsiteX8" fmla="*/ 69274 w 207934"/>
                <a:gd name="connsiteY8" fmla="*/ 140196 h 427732"/>
                <a:gd name="connsiteX9" fmla="*/ 56779 w 207934"/>
                <a:gd name="connsiteY9" fmla="*/ 146447 h 427732"/>
                <a:gd name="connsiteX10" fmla="*/ 63027 w 207934"/>
                <a:gd name="connsiteY10" fmla="*/ 158948 h 427732"/>
                <a:gd name="connsiteX11" fmla="*/ 170128 w 207934"/>
                <a:gd name="connsiteY11" fmla="*/ 197346 h 427732"/>
                <a:gd name="connsiteX12" fmla="*/ 146031 w 207934"/>
                <a:gd name="connsiteY12" fmla="*/ 276820 h 427732"/>
                <a:gd name="connsiteX13" fmla="*/ 30004 w 207934"/>
                <a:gd name="connsiteY13" fmla="*/ 233958 h 427732"/>
                <a:gd name="connsiteX14" fmla="*/ 17509 w 207934"/>
                <a:gd name="connsiteY14" fmla="*/ 239316 h 427732"/>
                <a:gd name="connsiteX15" fmla="*/ 22863 w 207934"/>
                <a:gd name="connsiteY15" fmla="*/ 251817 h 427732"/>
                <a:gd name="connsiteX16" fmla="*/ 138890 w 207934"/>
                <a:gd name="connsiteY16" fmla="*/ 293787 h 427732"/>
                <a:gd name="connsiteX17" fmla="*/ 104083 w 207934"/>
                <a:gd name="connsiteY17" fmla="*/ 368796 h 427732"/>
                <a:gd name="connsiteX18" fmla="*/ 13046 w 207934"/>
                <a:gd name="connsiteY18" fmla="*/ 336649 h 427732"/>
                <a:gd name="connsiteX19" fmla="*/ 551 w 207934"/>
                <a:gd name="connsiteY19" fmla="*/ 342900 h 427732"/>
                <a:gd name="connsiteX20" fmla="*/ 6798 w 207934"/>
                <a:gd name="connsiteY20" fmla="*/ 355402 h 427732"/>
                <a:gd name="connsiteX21" fmla="*/ 95157 w 207934"/>
                <a:gd name="connsiteY21" fmla="*/ 386656 h 427732"/>
                <a:gd name="connsiteX22" fmla="*/ 84447 w 207934"/>
                <a:gd name="connsiteY22" fmla="*/ 405408 h 427732"/>
                <a:gd name="connsiteX23" fmla="*/ 129073 w 207934"/>
                <a:gd name="connsiteY23" fmla="*/ 427732 h 427732"/>
                <a:gd name="connsiteX24" fmla="*/ 195119 w 207934"/>
                <a:gd name="connsiteY24" fmla="*/ 0 h 42773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207934" h="427732">
                  <a:moveTo>
                    <a:pt x="195119" y="0"/>
                  </a:moveTo>
                  <a:lnTo>
                    <a:pt x="178161" y="3572"/>
                  </a:lnTo>
                  <a:cubicBezTo>
                    <a:pt x="182624" y="26789"/>
                    <a:pt x="184409" y="50899"/>
                    <a:pt x="184409" y="75009"/>
                  </a:cubicBezTo>
                  <a:lnTo>
                    <a:pt x="116577" y="50899"/>
                  </a:lnTo>
                  <a:cubicBezTo>
                    <a:pt x="111223" y="49113"/>
                    <a:pt x="105868" y="51792"/>
                    <a:pt x="104083" y="57150"/>
                  </a:cubicBezTo>
                  <a:cubicBezTo>
                    <a:pt x="102297" y="62508"/>
                    <a:pt x="104975" y="67866"/>
                    <a:pt x="110330" y="69652"/>
                  </a:cubicBezTo>
                  <a:lnTo>
                    <a:pt x="184409" y="95548"/>
                  </a:lnTo>
                  <a:cubicBezTo>
                    <a:pt x="183516" y="122337"/>
                    <a:pt x="179946" y="150019"/>
                    <a:pt x="173699" y="177701"/>
                  </a:cubicBezTo>
                  <a:lnTo>
                    <a:pt x="69274" y="140196"/>
                  </a:lnTo>
                  <a:cubicBezTo>
                    <a:pt x="63919" y="138410"/>
                    <a:pt x="58564" y="141089"/>
                    <a:pt x="56779" y="146447"/>
                  </a:cubicBezTo>
                  <a:cubicBezTo>
                    <a:pt x="54994" y="151805"/>
                    <a:pt x="57672" y="157163"/>
                    <a:pt x="63027" y="158948"/>
                  </a:cubicBezTo>
                  <a:lnTo>
                    <a:pt x="170128" y="197346"/>
                  </a:lnTo>
                  <a:cubicBezTo>
                    <a:pt x="163881" y="224135"/>
                    <a:pt x="155848" y="250924"/>
                    <a:pt x="146031" y="276820"/>
                  </a:cubicBezTo>
                  <a:lnTo>
                    <a:pt x="30004" y="233958"/>
                  </a:lnTo>
                  <a:cubicBezTo>
                    <a:pt x="24649" y="232172"/>
                    <a:pt x="19294" y="234851"/>
                    <a:pt x="17509" y="239316"/>
                  </a:cubicBezTo>
                  <a:cubicBezTo>
                    <a:pt x="15723" y="244673"/>
                    <a:pt x="18401" y="250031"/>
                    <a:pt x="22863" y="251817"/>
                  </a:cubicBezTo>
                  <a:lnTo>
                    <a:pt x="138890" y="293787"/>
                  </a:lnTo>
                  <a:cubicBezTo>
                    <a:pt x="128181" y="319683"/>
                    <a:pt x="116577" y="345579"/>
                    <a:pt x="104083" y="368796"/>
                  </a:cubicBezTo>
                  <a:lnTo>
                    <a:pt x="13046" y="336649"/>
                  </a:lnTo>
                  <a:cubicBezTo>
                    <a:pt x="7691" y="334863"/>
                    <a:pt x="2336" y="337542"/>
                    <a:pt x="551" y="342900"/>
                  </a:cubicBezTo>
                  <a:cubicBezTo>
                    <a:pt x="-1234" y="348258"/>
                    <a:pt x="1443" y="353616"/>
                    <a:pt x="6798" y="355402"/>
                  </a:cubicBezTo>
                  <a:lnTo>
                    <a:pt x="95157" y="386656"/>
                  </a:lnTo>
                  <a:cubicBezTo>
                    <a:pt x="91587" y="392906"/>
                    <a:pt x="88017" y="399157"/>
                    <a:pt x="84447" y="405408"/>
                  </a:cubicBezTo>
                  <a:lnTo>
                    <a:pt x="129073" y="427732"/>
                  </a:lnTo>
                  <a:cubicBezTo>
                    <a:pt x="194226" y="307181"/>
                    <a:pt x="228142" y="134838"/>
                    <a:pt x="195119" y="0"/>
                  </a:cubicBezTo>
                  <a:close/>
                </a:path>
              </a:pathLst>
            </a:custGeom>
            <a:grpFill/>
            <a:ln w="2970" cap="flat">
              <a:noFill/>
              <a:prstDash val="solid"/>
              <a:miter/>
            </a:ln>
          </p:spPr>
          <p:txBody>
            <a:bodyPr rtlCol="0" anchor="ctr"/>
            <a:lstStyle/>
            <a:p>
              <a:endParaRPr lang="en-US"/>
            </a:p>
          </p:txBody>
        </p:sp>
        <p:sp>
          <p:nvSpPr>
            <p:cNvPr id="180" name="Freeform 179">
              <a:extLst>
                <a:ext uri="{FF2B5EF4-FFF2-40B4-BE49-F238E27FC236}">
                  <a16:creationId xmlns:a16="http://schemas.microsoft.com/office/drawing/2014/main" id="{4590C5FB-D81C-990F-1B47-1DBFFFD018AE}"/>
                </a:ext>
              </a:extLst>
            </p:cNvPr>
            <p:cNvSpPr/>
            <p:nvPr/>
          </p:nvSpPr>
          <p:spPr>
            <a:xfrm>
              <a:off x="4464360" y="3479006"/>
              <a:ext cx="653321" cy="410273"/>
            </a:xfrm>
            <a:custGeom>
              <a:avLst/>
              <a:gdLst>
                <a:gd name="connsiteX0" fmla="*/ 0 w 653321"/>
                <a:gd name="connsiteY0" fmla="*/ 403622 h 410273"/>
                <a:gd name="connsiteX1" fmla="*/ 653321 w 653321"/>
                <a:gd name="connsiteY1" fmla="*/ 48220 h 410273"/>
                <a:gd name="connsiteX2" fmla="*/ 482850 w 653321"/>
                <a:gd name="connsiteY2" fmla="*/ 0 h 410273"/>
                <a:gd name="connsiteX3" fmla="*/ 0 w 653321"/>
                <a:gd name="connsiteY3" fmla="*/ 403622 h 410273"/>
              </a:gdLst>
              <a:ahLst/>
              <a:cxnLst>
                <a:cxn ang="0">
                  <a:pos x="connsiteX0" y="connsiteY0"/>
                </a:cxn>
                <a:cxn ang="0">
                  <a:pos x="connsiteX1" y="connsiteY1"/>
                </a:cxn>
                <a:cxn ang="0">
                  <a:pos x="connsiteX2" y="connsiteY2"/>
                </a:cxn>
                <a:cxn ang="0">
                  <a:pos x="connsiteX3" y="connsiteY3"/>
                </a:cxn>
              </a:cxnLst>
              <a:rect l="l" t="t" r="r" b="b"/>
              <a:pathLst>
                <a:path w="653321" h="410273">
                  <a:moveTo>
                    <a:pt x="0" y="403622"/>
                  </a:moveTo>
                  <a:cubicBezTo>
                    <a:pt x="293637" y="441127"/>
                    <a:pt x="538187" y="319683"/>
                    <a:pt x="653321" y="48220"/>
                  </a:cubicBezTo>
                  <a:cubicBezTo>
                    <a:pt x="595308" y="35719"/>
                    <a:pt x="539972" y="21431"/>
                    <a:pt x="482850" y="0"/>
                  </a:cubicBezTo>
                  <a:cubicBezTo>
                    <a:pt x="257044" y="33933"/>
                    <a:pt x="75864" y="166092"/>
                    <a:pt x="0" y="403622"/>
                  </a:cubicBezTo>
                  <a:close/>
                </a:path>
              </a:pathLst>
            </a:custGeom>
            <a:grpFill/>
            <a:ln w="2970" cap="flat">
              <a:noFill/>
              <a:prstDash val="solid"/>
              <a:miter/>
            </a:ln>
          </p:spPr>
          <p:txBody>
            <a:bodyPr rtlCol="0" anchor="ctr"/>
            <a:lstStyle/>
            <a:p>
              <a:endParaRPr lang="en-US"/>
            </a:p>
          </p:txBody>
        </p:sp>
        <p:sp>
          <p:nvSpPr>
            <p:cNvPr id="181" name="Freeform 180">
              <a:extLst>
                <a:ext uri="{FF2B5EF4-FFF2-40B4-BE49-F238E27FC236}">
                  <a16:creationId xmlns:a16="http://schemas.microsoft.com/office/drawing/2014/main" id="{4E038C02-E50F-A343-0838-8464C6BEA161}"/>
                </a:ext>
              </a:extLst>
            </p:cNvPr>
            <p:cNvSpPr/>
            <p:nvPr/>
          </p:nvSpPr>
          <p:spPr>
            <a:xfrm>
              <a:off x="5081088" y="3458467"/>
              <a:ext cx="58906" cy="8929"/>
            </a:xfrm>
            <a:custGeom>
              <a:avLst/>
              <a:gdLst>
                <a:gd name="connsiteX0" fmla="*/ 0 w 58906"/>
                <a:gd name="connsiteY0" fmla="*/ 0 h 8929"/>
                <a:gd name="connsiteX1" fmla="*/ 58906 w 58906"/>
                <a:gd name="connsiteY1" fmla="*/ 8930 h 8929"/>
                <a:gd name="connsiteX2" fmla="*/ 0 w 58906"/>
                <a:gd name="connsiteY2" fmla="*/ 0 h 8929"/>
              </a:gdLst>
              <a:ahLst/>
              <a:cxnLst>
                <a:cxn ang="0">
                  <a:pos x="connsiteX0" y="connsiteY0"/>
                </a:cxn>
                <a:cxn ang="0">
                  <a:pos x="connsiteX1" y="connsiteY1"/>
                </a:cxn>
                <a:cxn ang="0">
                  <a:pos x="connsiteX2" y="connsiteY2"/>
                </a:cxn>
              </a:cxnLst>
              <a:rect l="l" t="t" r="r" b="b"/>
              <a:pathLst>
                <a:path w="58906" h="8929">
                  <a:moveTo>
                    <a:pt x="0" y="0"/>
                  </a:moveTo>
                  <a:cubicBezTo>
                    <a:pt x="20528" y="3572"/>
                    <a:pt x="40163" y="6251"/>
                    <a:pt x="58906" y="8930"/>
                  </a:cubicBezTo>
                  <a:cubicBezTo>
                    <a:pt x="39271" y="4465"/>
                    <a:pt x="19635" y="1786"/>
                    <a:pt x="0" y="0"/>
                  </a:cubicBezTo>
                  <a:close/>
                </a:path>
              </a:pathLst>
            </a:custGeom>
            <a:grpFill/>
            <a:ln w="2970" cap="flat">
              <a:noFill/>
              <a:prstDash val="solid"/>
              <a:miter/>
            </a:ln>
          </p:spPr>
          <p:txBody>
            <a:bodyPr rtlCol="0" anchor="ctr"/>
            <a:lstStyle/>
            <a:p>
              <a:endParaRPr lang="en-US"/>
            </a:p>
          </p:txBody>
        </p:sp>
        <p:sp>
          <p:nvSpPr>
            <p:cNvPr id="182" name="Freeform 181">
              <a:extLst>
                <a:ext uri="{FF2B5EF4-FFF2-40B4-BE49-F238E27FC236}">
                  <a16:creationId xmlns:a16="http://schemas.microsoft.com/office/drawing/2014/main" id="{9D354A9B-A4C0-007D-CDB1-32DC92EBC7B9}"/>
                </a:ext>
              </a:extLst>
            </p:cNvPr>
            <p:cNvSpPr/>
            <p:nvPr/>
          </p:nvSpPr>
          <p:spPr>
            <a:xfrm>
              <a:off x="4774063" y="3026550"/>
              <a:ext cx="254366" cy="239929"/>
            </a:xfrm>
            <a:custGeom>
              <a:avLst/>
              <a:gdLst>
                <a:gd name="connsiteX0" fmla="*/ 209741 w 254366"/>
                <a:gd name="connsiteY0" fmla="*/ 194388 h 239929"/>
                <a:gd name="connsiteX1" fmla="*/ 247226 w 254366"/>
                <a:gd name="connsiteY1" fmla="*/ 171171 h 239929"/>
                <a:gd name="connsiteX2" fmla="*/ 249904 w 254366"/>
                <a:gd name="connsiteY2" fmla="*/ 157777 h 239929"/>
                <a:gd name="connsiteX3" fmla="*/ 236517 w 254366"/>
                <a:gd name="connsiteY3" fmla="*/ 155097 h 239929"/>
                <a:gd name="connsiteX4" fmla="*/ 188320 w 254366"/>
                <a:gd name="connsiteY4" fmla="*/ 185459 h 239929"/>
                <a:gd name="connsiteX5" fmla="*/ 113349 w 254366"/>
                <a:gd name="connsiteY5" fmla="*/ 139917 h 239929"/>
                <a:gd name="connsiteX6" fmla="*/ 174933 w 254366"/>
                <a:gd name="connsiteY6" fmla="*/ 97054 h 239929"/>
                <a:gd name="connsiteX7" fmla="*/ 177610 w 254366"/>
                <a:gd name="connsiteY7" fmla="*/ 83660 h 239929"/>
                <a:gd name="connsiteX8" fmla="*/ 164222 w 254366"/>
                <a:gd name="connsiteY8" fmla="*/ 80981 h 239929"/>
                <a:gd name="connsiteX9" fmla="*/ 98177 w 254366"/>
                <a:gd name="connsiteY9" fmla="*/ 127416 h 239929"/>
                <a:gd name="connsiteX10" fmla="*/ 39270 w 254366"/>
                <a:gd name="connsiteY10" fmla="*/ 69373 h 239929"/>
                <a:gd name="connsiteX11" fmla="*/ 39270 w 254366"/>
                <a:gd name="connsiteY11" fmla="*/ 69373 h 239929"/>
                <a:gd name="connsiteX12" fmla="*/ 114242 w 254366"/>
                <a:gd name="connsiteY12" fmla="*/ 17580 h 239929"/>
                <a:gd name="connsiteX13" fmla="*/ 116919 w 254366"/>
                <a:gd name="connsiteY13" fmla="*/ 4186 h 239929"/>
                <a:gd name="connsiteX14" fmla="*/ 103532 w 254366"/>
                <a:gd name="connsiteY14" fmla="*/ 1507 h 239929"/>
                <a:gd name="connsiteX15" fmla="*/ 28560 w 254366"/>
                <a:gd name="connsiteY15" fmla="*/ 53299 h 239929"/>
                <a:gd name="connsiteX16" fmla="*/ 27668 w 254366"/>
                <a:gd name="connsiteY16" fmla="*/ 54192 h 239929"/>
                <a:gd name="connsiteX17" fmla="*/ 8925 w 254366"/>
                <a:gd name="connsiteY17" fmla="*/ 24724 h 239929"/>
                <a:gd name="connsiteX18" fmla="*/ 0 w 254366"/>
                <a:gd name="connsiteY18" fmla="*/ 34547 h 239929"/>
                <a:gd name="connsiteX19" fmla="*/ 238301 w 254366"/>
                <a:gd name="connsiteY19" fmla="*/ 239929 h 239929"/>
                <a:gd name="connsiteX20" fmla="*/ 254367 w 254366"/>
                <a:gd name="connsiteY20" fmla="*/ 212248 h 239929"/>
                <a:gd name="connsiteX21" fmla="*/ 209741 w 254366"/>
                <a:gd name="connsiteY21" fmla="*/ 194388 h 2399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254366" h="239929">
                  <a:moveTo>
                    <a:pt x="209741" y="194388"/>
                  </a:moveTo>
                  <a:lnTo>
                    <a:pt x="247226" y="171171"/>
                  </a:lnTo>
                  <a:cubicBezTo>
                    <a:pt x="251689" y="168492"/>
                    <a:pt x="253474" y="162241"/>
                    <a:pt x="249904" y="157777"/>
                  </a:cubicBezTo>
                  <a:cubicBezTo>
                    <a:pt x="247226" y="153312"/>
                    <a:pt x="240979" y="151526"/>
                    <a:pt x="236517" y="155097"/>
                  </a:cubicBezTo>
                  <a:lnTo>
                    <a:pt x="188320" y="185459"/>
                  </a:lnTo>
                  <a:cubicBezTo>
                    <a:pt x="162437" y="172957"/>
                    <a:pt x="136555" y="157777"/>
                    <a:pt x="113349" y="139917"/>
                  </a:cubicBezTo>
                  <a:lnTo>
                    <a:pt x="174933" y="97054"/>
                  </a:lnTo>
                  <a:cubicBezTo>
                    <a:pt x="179395" y="94376"/>
                    <a:pt x="180288" y="88125"/>
                    <a:pt x="177610" y="83660"/>
                  </a:cubicBezTo>
                  <a:cubicBezTo>
                    <a:pt x="174933" y="79195"/>
                    <a:pt x="168685" y="78302"/>
                    <a:pt x="164222" y="80981"/>
                  </a:cubicBezTo>
                  <a:lnTo>
                    <a:pt x="98177" y="127416"/>
                  </a:lnTo>
                  <a:cubicBezTo>
                    <a:pt x="76756" y="109556"/>
                    <a:pt x="57121" y="90804"/>
                    <a:pt x="39270" y="69373"/>
                  </a:cubicBezTo>
                  <a:cubicBezTo>
                    <a:pt x="39270" y="69373"/>
                    <a:pt x="39270" y="69373"/>
                    <a:pt x="39270" y="69373"/>
                  </a:cubicBezTo>
                  <a:lnTo>
                    <a:pt x="114242" y="17580"/>
                  </a:lnTo>
                  <a:cubicBezTo>
                    <a:pt x="118704" y="14902"/>
                    <a:pt x="119597" y="8651"/>
                    <a:pt x="116919" y="4186"/>
                  </a:cubicBezTo>
                  <a:cubicBezTo>
                    <a:pt x="114242" y="-279"/>
                    <a:pt x="107994" y="-1172"/>
                    <a:pt x="103532" y="1507"/>
                  </a:cubicBezTo>
                  <a:lnTo>
                    <a:pt x="28560" y="53299"/>
                  </a:lnTo>
                  <a:cubicBezTo>
                    <a:pt x="28560" y="53299"/>
                    <a:pt x="27668" y="54192"/>
                    <a:pt x="27668" y="54192"/>
                  </a:cubicBezTo>
                  <a:cubicBezTo>
                    <a:pt x="20528" y="44369"/>
                    <a:pt x="14280" y="34547"/>
                    <a:pt x="8925" y="24724"/>
                  </a:cubicBezTo>
                  <a:lnTo>
                    <a:pt x="0" y="34547"/>
                  </a:lnTo>
                  <a:cubicBezTo>
                    <a:pt x="49088" y="130987"/>
                    <a:pt x="138340" y="201532"/>
                    <a:pt x="238301" y="239929"/>
                  </a:cubicBezTo>
                  <a:lnTo>
                    <a:pt x="254367" y="212248"/>
                  </a:lnTo>
                  <a:cubicBezTo>
                    <a:pt x="239194" y="206890"/>
                    <a:pt x="224021" y="200639"/>
                    <a:pt x="209741" y="194388"/>
                  </a:cubicBezTo>
                  <a:close/>
                </a:path>
              </a:pathLst>
            </a:custGeom>
            <a:grpFill/>
            <a:ln w="2970" cap="flat">
              <a:noFill/>
              <a:prstDash val="solid"/>
              <a:miter/>
            </a:ln>
          </p:spPr>
          <p:txBody>
            <a:bodyPr rtlCol="0" anchor="ctr"/>
            <a:lstStyle/>
            <a:p>
              <a:endParaRPr lang="en-US"/>
            </a:p>
          </p:txBody>
        </p:sp>
        <p:sp>
          <p:nvSpPr>
            <p:cNvPr id="183" name="Freeform 182">
              <a:extLst>
                <a:ext uri="{FF2B5EF4-FFF2-40B4-BE49-F238E27FC236}">
                  <a16:creationId xmlns:a16="http://schemas.microsoft.com/office/drawing/2014/main" id="{29C0C390-9432-35F1-B9A0-4BDD27EF0193}"/>
                </a:ext>
              </a:extLst>
            </p:cNvPr>
            <p:cNvSpPr/>
            <p:nvPr/>
          </p:nvSpPr>
          <p:spPr>
            <a:xfrm>
              <a:off x="3519186" y="646509"/>
              <a:ext cx="5757615" cy="5671244"/>
            </a:xfrm>
            <a:custGeom>
              <a:avLst/>
              <a:gdLst>
                <a:gd name="connsiteX0" fmla="*/ 4770493 w 5757615"/>
                <a:gd name="connsiteY0" fmla="*/ 2758380 h 5671244"/>
                <a:gd name="connsiteX1" fmla="*/ 4776741 w 5757615"/>
                <a:gd name="connsiteY1" fmla="*/ 2748558 h 5671244"/>
                <a:gd name="connsiteX2" fmla="*/ 4933824 w 5757615"/>
                <a:gd name="connsiteY2" fmla="*/ 2488704 h 5671244"/>
                <a:gd name="connsiteX3" fmla="*/ 5757615 w 5757615"/>
                <a:gd name="connsiteY3" fmla="*/ 1746647 h 5671244"/>
                <a:gd name="connsiteX4" fmla="*/ 4881166 w 5757615"/>
                <a:gd name="connsiteY4" fmla="*/ 2452092 h 5671244"/>
                <a:gd name="connsiteX5" fmla="*/ 4716050 w 5757615"/>
                <a:gd name="connsiteY5" fmla="*/ 2694087 h 5671244"/>
                <a:gd name="connsiteX6" fmla="*/ 4692844 w 5757615"/>
                <a:gd name="connsiteY6" fmla="*/ 2673548 h 5671244"/>
                <a:gd name="connsiteX7" fmla="*/ 4679457 w 5757615"/>
                <a:gd name="connsiteY7" fmla="*/ 2674441 h 5671244"/>
                <a:gd name="connsiteX8" fmla="*/ 4680350 w 5757615"/>
                <a:gd name="connsiteY8" fmla="*/ 2687836 h 5671244"/>
                <a:gd name="connsiteX9" fmla="*/ 4705340 w 5757615"/>
                <a:gd name="connsiteY9" fmla="*/ 2709267 h 5671244"/>
                <a:gd name="connsiteX10" fmla="*/ 4658929 w 5757615"/>
                <a:gd name="connsiteY10" fmla="*/ 2776240 h 5671244"/>
                <a:gd name="connsiteX11" fmla="*/ 4605378 w 5757615"/>
                <a:gd name="connsiteY11" fmla="*/ 2732484 h 5671244"/>
                <a:gd name="connsiteX12" fmla="*/ 4591990 w 5757615"/>
                <a:gd name="connsiteY12" fmla="*/ 2734270 h 5671244"/>
                <a:gd name="connsiteX13" fmla="*/ 4593776 w 5757615"/>
                <a:gd name="connsiteY13" fmla="*/ 2747665 h 5671244"/>
                <a:gd name="connsiteX14" fmla="*/ 4648219 w 5757615"/>
                <a:gd name="connsiteY14" fmla="*/ 2792313 h 5671244"/>
                <a:gd name="connsiteX15" fmla="*/ 4598238 w 5757615"/>
                <a:gd name="connsiteY15" fmla="*/ 2857500 h 5671244"/>
                <a:gd name="connsiteX16" fmla="*/ 4533085 w 5757615"/>
                <a:gd name="connsiteY16" fmla="*/ 2803922 h 5671244"/>
                <a:gd name="connsiteX17" fmla="*/ 4519697 w 5757615"/>
                <a:gd name="connsiteY17" fmla="*/ 2804815 h 5671244"/>
                <a:gd name="connsiteX18" fmla="*/ 4520589 w 5757615"/>
                <a:gd name="connsiteY18" fmla="*/ 2818209 h 5671244"/>
                <a:gd name="connsiteX19" fmla="*/ 4585743 w 5757615"/>
                <a:gd name="connsiteY19" fmla="*/ 2871788 h 5671244"/>
                <a:gd name="connsiteX20" fmla="*/ 4532192 w 5757615"/>
                <a:gd name="connsiteY20" fmla="*/ 2933402 h 5671244"/>
                <a:gd name="connsiteX21" fmla="*/ 4473286 w 5757615"/>
                <a:gd name="connsiteY21" fmla="*/ 2884289 h 5671244"/>
                <a:gd name="connsiteX22" fmla="*/ 4459898 w 5757615"/>
                <a:gd name="connsiteY22" fmla="*/ 2885182 h 5671244"/>
                <a:gd name="connsiteX23" fmla="*/ 4460791 w 5757615"/>
                <a:gd name="connsiteY23" fmla="*/ 2898577 h 5671244"/>
                <a:gd name="connsiteX24" fmla="*/ 4518804 w 5757615"/>
                <a:gd name="connsiteY24" fmla="*/ 2946797 h 5671244"/>
                <a:gd name="connsiteX25" fmla="*/ 4458113 w 5757615"/>
                <a:gd name="connsiteY25" fmla="*/ 3003947 h 5671244"/>
                <a:gd name="connsiteX26" fmla="*/ 4339409 w 5757615"/>
                <a:gd name="connsiteY26" fmla="*/ 2903935 h 5671244"/>
                <a:gd name="connsiteX27" fmla="*/ 4326021 w 5757615"/>
                <a:gd name="connsiteY27" fmla="*/ 2904828 h 5671244"/>
                <a:gd name="connsiteX28" fmla="*/ 4326913 w 5757615"/>
                <a:gd name="connsiteY28" fmla="*/ 2918222 h 5671244"/>
                <a:gd name="connsiteX29" fmla="*/ 4442940 w 5757615"/>
                <a:gd name="connsiteY29" fmla="*/ 3016449 h 5671244"/>
                <a:gd name="connsiteX30" fmla="*/ 4389389 w 5757615"/>
                <a:gd name="connsiteY30" fmla="*/ 3055739 h 5671244"/>
                <a:gd name="connsiteX31" fmla="*/ 4268008 w 5757615"/>
                <a:gd name="connsiteY31" fmla="*/ 3132535 h 5671244"/>
                <a:gd name="connsiteX32" fmla="*/ 4251942 w 5757615"/>
                <a:gd name="connsiteY32" fmla="*/ 3028950 h 5671244"/>
                <a:gd name="connsiteX33" fmla="*/ 4247480 w 5757615"/>
                <a:gd name="connsiteY33" fmla="*/ 2717304 h 5671244"/>
                <a:gd name="connsiteX34" fmla="*/ 4273362 w 5757615"/>
                <a:gd name="connsiteY34" fmla="*/ 2740521 h 5671244"/>
                <a:gd name="connsiteX35" fmla="*/ 4279610 w 5757615"/>
                <a:gd name="connsiteY35" fmla="*/ 2743200 h 5671244"/>
                <a:gd name="connsiteX36" fmla="*/ 4286750 w 5757615"/>
                <a:gd name="connsiteY36" fmla="*/ 2739628 h 5671244"/>
                <a:gd name="connsiteX37" fmla="*/ 4285858 w 5757615"/>
                <a:gd name="connsiteY37" fmla="*/ 2726234 h 5671244"/>
                <a:gd name="connsiteX38" fmla="*/ 4251050 w 5757615"/>
                <a:gd name="connsiteY38" fmla="*/ 2694980 h 5671244"/>
                <a:gd name="connsiteX39" fmla="*/ 4274255 w 5757615"/>
                <a:gd name="connsiteY39" fmla="*/ 2608362 h 5671244"/>
                <a:gd name="connsiteX40" fmla="*/ 4344764 w 5757615"/>
                <a:gd name="connsiteY40" fmla="*/ 2667298 h 5671244"/>
                <a:gd name="connsiteX41" fmla="*/ 4351011 w 5757615"/>
                <a:gd name="connsiteY41" fmla="*/ 2669977 h 5671244"/>
                <a:gd name="connsiteX42" fmla="*/ 4358151 w 5757615"/>
                <a:gd name="connsiteY42" fmla="*/ 2666405 h 5671244"/>
                <a:gd name="connsiteX43" fmla="*/ 4357259 w 5757615"/>
                <a:gd name="connsiteY43" fmla="*/ 2653010 h 5671244"/>
                <a:gd name="connsiteX44" fmla="*/ 4282288 w 5757615"/>
                <a:gd name="connsiteY44" fmla="*/ 2590502 h 5671244"/>
                <a:gd name="connsiteX45" fmla="*/ 4321558 w 5757615"/>
                <a:gd name="connsiteY45" fmla="*/ 2517279 h 5671244"/>
                <a:gd name="connsiteX46" fmla="*/ 4425983 w 5757615"/>
                <a:gd name="connsiteY46" fmla="*/ 2607469 h 5671244"/>
                <a:gd name="connsiteX47" fmla="*/ 4432231 w 5757615"/>
                <a:gd name="connsiteY47" fmla="*/ 2610148 h 5671244"/>
                <a:gd name="connsiteX48" fmla="*/ 4439371 w 5757615"/>
                <a:gd name="connsiteY48" fmla="*/ 2606576 h 5671244"/>
                <a:gd name="connsiteX49" fmla="*/ 4438478 w 5757615"/>
                <a:gd name="connsiteY49" fmla="*/ 2593181 h 5671244"/>
                <a:gd name="connsiteX50" fmla="*/ 4332269 w 5757615"/>
                <a:gd name="connsiteY50" fmla="*/ 2502099 h 5671244"/>
                <a:gd name="connsiteX51" fmla="*/ 4385820 w 5757615"/>
                <a:gd name="connsiteY51" fmla="*/ 2439591 h 5671244"/>
                <a:gd name="connsiteX52" fmla="*/ 4385820 w 5757615"/>
                <a:gd name="connsiteY52" fmla="*/ 2439591 h 5671244"/>
                <a:gd name="connsiteX53" fmla="*/ 4541117 w 5757615"/>
                <a:gd name="connsiteY53" fmla="*/ 2570857 h 5671244"/>
                <a:gd name="connsiteX54" fmla="*/ 4547365 w 5757615"/>
                <a:gd name="connsiteY54" fmla="*/ 2573536 h 5671244"/>
                <a:gd name="connsiteX55" fmla="*/ 4554505 w 5757615"/>
                <a:gd name="connsiteY55" fmla="*/ 2569964 h 5671244"/>
                <a:gd name="connsiteX56" fmla="*/ 4553612 w 5757615"/>
                <a:gd name="connsiteY56" fmla="*/ 2556570 h 5671244"/>
                <a:gd name="connsiteX57" fmla="*/ 4400100 w 5757615"/>
                <a:gd name="connsiteY57" fmla="*/ 2426196 h 5671244"/>
                <a:gd name="connsiteX58" fmla="*/ 4479534 w 5757615"/>
                <a:gd name="connsiteY58" fmla="*/ 2364581 h 5671244"/>
                <a:gd name="connsiteX59" fmla="*/ 4474178 w 5757615"/>
                <a:gd name="connsiteY59" fmla="*/ 2355652 h 5671244"/>
                <a:gd name="connsiteX60" fmla="*/ 4292106 w 5757615"/>
                <a:gd name="connsiteY60" fmla="*/ 2502992 h 5671244"/>
                <a:gd name="connsiteX61" fmla="*/ 4196606 w 5757615"/>
                <a:gd name="connsiteY61" fmla="*/ 2756595 h 5671244"/>
                <a:gd name="connsiteX62" fmla="*/ 4196606 w 5757615"/>
                <a:gd name="connsiteY62" fmla="*/ 3099495 h 5671244"/>
                <a:gd name="connsiteX63" fmla="*/ 4204639 w 5757615"/>
                <a:gd name="connsiteY63" fmla="*/ 3172718 h 5671244"/>
                <a:gd name="connsiteX64" fmla="*/ 3498659 w 5757615"/>
                <a:gd name="connsiteY64" fmla="*/ 3507581 h 5671244"/>
                <a:gd name="connsiteX65" fmla="*/ 3254110 w 5757615"/>
                <a:gd name="connsiteY65" fmla="*/ 3613845 h 5671244"/>
                <a:gd name="connsiteX66" fmla="*/ 3521865 w 5757615"/>
                <a:gd name="connsiteY66" fmla="*/ 2352973 h 5671244"/>
                <a:gd name="connsiteX67" fmla="*/ 4071654 w 5757615"/>
                <a:gd name="connsiteY67" fmla="*/ 1756470 h 5671244"/>
                <a:gd name="connsiteX68" fmla="*/ 3999361 w 5757615"/>
                <a:gd name="connsiteY68" fmla="*/ 976015 h 5671244"/>
                <a:gd name="connsiteX69" fmla="*/ 3992220 w 5757615"/>
                <a:gd name="connsiteY69" fmla="*/ 979587 h 5671244"/>
                <a:gd name="connsiteX70" fmla="*/ 4068084 w 5757615"/>
                <a:gd name="connsiteY70" fmla="*/ 1403747 h 5671244"/>
                <a:gd name="connsiteX71" fmla="*/ 3538822 w 5757615"/>
                <a:gd name="connsiteY71" fmla="*/ 2260997 h 5671244"/>
                <a:gd name="connsiteX72" fmla="*/ 3353179 w 5757615"/>
                <a:gd name="connsiteY72" fmla="*/ 1960066 h 5671244"/>
                <a:gd name="connsiteX73" fmla="*/ 3457604 w 5757615"/>
                <a:gd name="connsiteY73" fmla="*/ 1902916 h 5671244"/>
                <a:gd name="connsiteX74" fmla="*/ 3733391 w 5757615"/>
                <a:gd name="connsiteY74" fmla="*/ 1703785 h 5671244"/>
                <a:gd name="connsiteX75" fmla="*/ 3888688 w 5757615"/>
                <a:gd name="connsiteY75" fmla="*/ 1480542 h 5671244"/>
                <a:gd name="connsiteX76" fmla="*/ 3902969 w 5757615"/>
                <a:gd name="connsiteY76" fmla="*/ 1246584 h 5671244"/>
                <a:gd name="connsiteX77" fmla="*/ 3892259 w 5757615"/>
                <a:gd name="connsiteY77" fmla="*/ 1247477 h 5671244"/>
                <a:gd name="connsiteX78" fmla="*/ 3885118 w 5757615"/>
                <a:gd name="connsiteY78" fmla="*/ 1363563 h 5671244"/>
                <a:gd name="connsiteX79" fmla="*/ 3726251 w 5757615"/>
                <a:gd name="connsiteY79" fmla="*/ 1281410 h 5671244"/>
                <a:gd name="connsiteX80" fmla="*/ 3712863 w 5757615"/>
                <a:gd name="connsiteY80" fmla="*/ 1285875 h 5671244"/>
                <a:gd name="connsiteX81" fmla="*/ 3717325 w 5757615"/>
                <a:gd name="connsiteY81" fmla="*/ 1299270 h 5671244"/>
                <a:gd name="connsiteX82" fmla="*/ 3881548 w 5757615"/>
                <a:gd name="connsiteY82" fmla="*/ 1383209 h 5671244"/>
                <a:gd name="connsiteX83" fmla="*/ 3858343 w 5757615"/>
                <a:gd name="connsiteY83" fmla="*/ 1462683 h 5671244"/>
                <a:gd name="connsiteX84" fmla="*/ 3677162 w 5757615"/>
                <a:gd name="connsiteY84" fmla="*/ 1369814 h 5671244"/>
                <a:gd name="connsiteX85" fmla="*/ 3663775 w 5757615"/>
                <a:gd name="connsiteY85" fmla="*/ 1374279 h 5671244"/>
                <a:gd name="connsiteX86" fmla="*/ 3668237 w 5757615"/>
                <a:gd name="connsiteY86" fmla="*/ 1387674 h 5671244"/>
                <a:gd name="connsiteX87" fmla="*/ 3850310 w 5757615"/>
                <a:gd name="connsiteY87" fmla="*/ 1480542 h 5671244"/>
                <a:gd name="connsiteX88" fmla="*/ 3810147 w 5757615"/>
                <a:gd name="connsiteY88" fmla="*/ 1551980 h 5671244"/>
                <a:gd name="connsiteX89" fmla="*/ 3614686 w 5757615"/>
                <a:gd name="connsiteY89" fmla="*/ 1451967 h 5671244"/>
                <a:gd name="connsiteX90" fmla="*/ 3601299 w 5757615"/>
                <a:gd name="connsiteY90" fmla="*/ 1456432 h 5671244"/>
                <a:gd name="connsiteX91" fmla="*/ 3605761 w 5757615"/>
                <a:gd name="connsiteY91" fmla="*/ 1469827 h 5671244"/>
                <a:gd name="connsiteX92" fmla="*/ 3798545 w 5757615"/>
                <a:gd name="connsiteY92" fmla="*/ 1568053 h 5671244"/>
                <a:gd name="connsiteX93" fmla="*/ 3742316 w 5757615"/>
                <a:gd name="connsiteY93" fmla="*/ 1631454 h 5671244"/>
                <a:gd name="connsiteX94" fmla="*/ 3535253 w 5757615"/>
                <a:gd name="connsiteY94" fmla="*/ 1525191 h 5671244"/>
                <a:gd name="connsiteX95" fmla="*/ 3521865 w 5757615"/>
                <a:gd name="connsiteY95" fmla="*/ 1529655 h 5671244"/>
                <a:gd name="connsiteX96" fmla="*/ 3526328 w 5757615"/>
                <a:gd name="connsiteY96" fmla="*/ 1543050 h 5671244"/>
                <a:gd name="connsiteX97" fmla="*/ 3728036 w 5757615"/>
                <a:gd name="connsiteY97" fmla="*/ 1645742 h 5671244"/>
                <a:gd name="connsiteX98" fmla="*/ 3659312 w 5757615"/>
                <a:gd name="connsiteY98" fmla="*/ 1701998 h 5671244"/>
                <a:gd name="connsiteX99" fmla="*/ 3229120 w 5757615"/>
                <a:gd name="connsiteY99" fmla="*/ 1478756 h 5671244"/>
                <a:gd name="connsiteX100" fmla="*/ 3233582 w 5757615"/>
                <a:gd name="connsiteY100" fmla="*/ 1391245 h 5671244"/>
                <a:gd name="connsiteX101" fmla="*/ 3357642 w 5757615"/>
                <a:gd name="connsiteY101" fmla="*/ 1454646 h 5671244"/>
                <a:gd name="connsiteX102" fmla="*/ 3362105 w 5757615"/>
                <a:gd name="connsiteY102" fmla="*/ 1455539 h 5671244"/>
                <a:gd name="connsiteX103" fmla="*/ 3371030 w 5757615"/>
                <a:gd name="connsiteY103" fmla="*/ 1450181 h 5671244"/>
                <a:gd name="connsiteX104" fmla="*/ 3366567 w 5757615"/>
                <a:gd name="connsiteY104" fmla="*/ 1436787 h 5671244"/>
                <a:gd name="connsiteX105" fmla="*/ 3237152 w 5757615"/>
                <a:gd name="connsiteY105" fmla="*/ 1370707 h 5671244"/>
                <a:gd name="connsiteX106" fmla="*/ 3257680 w 5757615"/>
                <a:gd name="connsiteY106" fmla="*/ 1287661 h 5671244"/>
                <a:gd name="connsiteX107" fmla="*/ 3431721 w 5757615"/>
                <a:gd name="connsiteY107" fmla="*/ 1376958 h 5671244"/>
                <a:gd name="connsiteX108" fmla="*/ 3436183 w 5757615"/>
                <a:gd name="connsiteY108" fmla="*/ 1377851 h 5671244"/>
                <a:gd name="connsiteX109" fmla="*/ 3445108 w 5757615"/>
                <a:gd name="connsiteY109" fmla="*/ 1372493 h 5671244"/>
                <a:gd name="connsiteX110" fmla="*/ 3440646 w 5757615"/>
                <a:gd name="connsiteY110" fmla="*/ 1359099 h 5671244"/>
                <a:gd name="connsiteX111" fmla="*/ 3263928 w 5757615"/>
                <a:gd name="connsiteY111" fmla="*/ 1269802 h 5671244"/>
                <a:gd name="connsiteX112" fmla="*/ 3297843 w 5757615"/>
                <a:gd name="connsiteY112" fmla="*/ 1196578 h 5671244"/>
                <a:gd name="connsiteX113" fmla="*/ 3496874 w 5757615"/>
                <a:gd name="connsiteY113" fmla="*/ 1297484 h 5671244"/>
                <a:gd name="connsiteX114" fmla="*/ 3501337 w 5757615"/>
                <a:gd name="connsiteY114" fmla="*/ 1298377 h 5671244"/>
                <a:gd name="connsiteX115" fmla="*/ 3510262 w 5757615"/>
                <a:gd name="connsiteY115" fmla="*/ 1293019 h 5671244"/>
                <a:gd name="connsiteX116" fmla="*/ 3505799 w 5757615"/>
                <a:gd name="connsiteY116" fmla="*/ 1279624 h 5671244"/>
                <a:gd name="connsiteX117" fmla="*/ 3307661 w 5757615"/>
                <a:gd name="connsiteY117" fmla="*/ 1179612 h 5671244"/>
                <a:gd name="connsiteX118" fmla="*/ 3314801 w 5757615"/>
                <a:gd name="connsiteY118" fmla="*/ 1168003 h 5671244"/>
                <a:gd name="connsiteX119" fmla="*/ 3356750 w 5757615"/>
                <a:gd name="connsiteY119" fmla="*/ 1112639 h 5671244"/>
                <a:gd name="connsiteX120" fmla="*/ 3551318 w 5757615"/>
                <a:gd name="connsiteY120" fmla="*/ 1212652 h 5671244"/>
                <a:gd name="connsiteX121" fmla="*/ 3555780 w 5757615"/>
                <a:gd name="connsiteY121" fmla="*/ 1213545 h 5671244"/>
                <a:gd name="connsiteX122" fmla="*/ 3564706 w 5757615"/>
                <a:gd name="connsiteY122" fmla="*/ 1208187 h 5671244"/>
                <a:gd name="connsiteX123" fmla="*/ 3560243 w 5757615"/>
                <a:gd name="connsiteY123" fmla="*/ 1194792 h 5671244"/>
                <a:gd name="connsiteX124" fmla="*/ 3371030 w 5757615"/>
                <a:gd name="connsiteY124" fmla="*/ 1097459 h 5671244"/>
                <a:gd name="connsiteX125" fmla="*/ 3504907 w 5757615"/>
                <a:gd name="connsiteY125" fmla="*/ 1041202 h 5671244"/>
                <a:gd name="connsiteX126" fmla="*/ 3487949 w 5757615"/>
                <a:gd name="connsiteY126" fmla="*/ 1030486 h 5671244"/>
                <a:gd name="connsiteX127" fmla="*/ 3344254 w 5757615"/>
                <a:gd name="connsiteY127" fmla="*/ 1085850 h 5671244"/>
                <a:gd name="connsiteX128" fmla="*/ 3336221 w 5757615"/>
                <a:gd name="connsiteY128" fmla="*/ 1091208 h 5671244"/>
                <a:gd name="connsiteX129" fmla="*/ 3268391 w 5757615"/>
                <a:gd name="connsiteY129" fmla="*/ 1166217 h 5671244"/>
                <a:gd name="connsiteX130" fmla="*/ 3190742 w 5757615"/>
                <a:gd name="connsiteY130" fmla="*/ 1348383 h 5671244"/>
                <a:gd name="connsiteX131" fmla="*/ 3186279 w 5757615"/>
                <a:gd name="connsiteY131" fmla="*/ 1367135 h 5671244"/>
                <a:gd name="connsiteX132" fmla="*/ 3175569 w 5757615"/>
                <a:gd name="connsiteY132" fmla="*/ 1439466 h 5671244"/>
                <a:gd name="connsiteX133" fmla="*/ 3262143 w 5757615"/>
                <a:gd name="connsiteY133" fmla="*/ 1905595 h 5671244"/>
                <a:gd name="connsiteX134" fmla="*/ 2666835 w 5757615"/>
                <a:gd name="connsiteY134" fmla="*/ 1796653 h 5671244"/>
                <a:gd name="connsiteX135" fmla="*/ 2625780 w 5757615"/>
                <a:gd name="connsiteY135" fmla="*/ 1808262 h 5671244"/>
                <a:gd name="connsiteX136" fmla="*/ 2644522 w 5757615"/>
                <a:gd name="connsiteY136" fmla="*/ 1843087 h 5671244"/>
                <a:gd name="connsiteX137" fmla="*/ 3407623 w 5757615"/>
                <a:gd name="connsiteY137" fmla="*/ 2185095 h 5671244"/>
                <a:gd name="connsiteX138" fmla="*/ 3461174 w 5757615"/>
                <a:gd name="connsiteY138" fmla="*/ 2276177 h 5671244"/>
                <a:gd name="connsiteX139" fmla="*/ 3473669 w 5757615"/>
                <a:gd name="connsiteY139" fmla="*/ 2299395 h 5671244"/>
                <a:gd name="connsiteX140" fmla="*/ 3014024 w 5757615"/>
                <a:gd name="connsiteY140" fmla="*/ 3725466 h 5671244"/>
                <a:gd name="connsiteX141" fmla="*/ 2383908 w 5757615"/>
                <a:gd name="connsiteY141" fmla="*/ 4063008 h 5671244"/>
                <a:gd name="connsiteX142" fmla="*/ 2068850 w 5757615"/>
                <a:gd name="connsiteY142" fmla="*/ 3612059 h 5671244"/>
                <a:gd name="connsiteX143" fmla="*/ 2449954 w 5757615"/>
                <a:gd name="connsiteY143" fmla="*/ 2307431 h 5671244"/>
                <a:gd name="connsiteX144" fmla="*/ 2854263 w 5757615"/>
                <a:gd name="connsiteY144" fmla="*/ 1083171 h 5671244"/>
                <a:gd name="connsiteX145" fmla="*/ 3356750 w 5757615"/>
                <a:gd name="connsiteY145" fmla="*/ 660797 h 5671244"/>
                <a:gd name="connsiteX146" fmla="*/ 3761951 w 5757615"/>
                <a:gd name="connsiteY146" fmla="*/ 258068 h 5671244"/>
                <a:gd name="connsiteX147" fmla="*/ 3705723 w 5757615"/>
                <a:gd name="connsiteY147" fmla="*/ 308074 h 5671244"/>
                <a:gd name="connsiteX148" fmla="*/ 3355857 w 5757615"/>
                <a:gd name="connsiteY148" fmla="*/ 605433 h 5671244"/>
                <a:gd name="connsiteX149" fmla="*/ 2914062 w 5757615"/>
                <a:gd name="connsiteY149" fmla="*/ 926009 h 5671244"/>
                <a:gd name="connsiteX150" fmla="*/ 2858726 w 5757615"/>
                <a:gd name="connsiteY150" fmla="*/ 968871 h 5671244"/>
                <a:gd name="connsiteX151" fmla="*/ 2865866 w 5757615"/>
                <a:gd name="connsiteY151" fmla="*/ 955477 h 5671244"/>
                <a:gd name="connsiteX152" fmla="*/ 2804283 w 5757615"/>
                <a:gd name="connsiteY152" fmla="*/ 204490 h 5671244"/>
                <a:gd name="connsiteX153" fmla="*/ 2780185 w 5757615"/>
                <a:gd name="connsiteY153" fmla="*/ 172343 h 5671244"/>
                <a:gd name="connsiteX154" fmla="*/ 2750732 w 5757615"/>
                <a:gd name="connsiteY154" fmla="*/ 203597 h 5671244"/>
                <a:gd name="connsiteX155" fmla="*/ 2681116 w 5757615"/>
                <a:gd name="connsiteY155" fmla="*/ 1131392 h 5671244"/>
                <a:gd name="connsiteX156" fmla="*/ 2472267 w 5757615"/>
                <a:gd name="connsiteY156" fmla="*/ 1470720 h 5671244"/>
                <a:gd name="connsiteX157" fmla="*/ 1967996 w 5757615"/>
                <a:gd name="connsiteY157" fmla="*/ 936724 h 5671244"/>
                <a:gd name="connsiteX158" fmla="*/ 2056355 w 5757615"/>
                <a:gd name="connsiteY158" fmla="*/ 855464 h 5671244"/>
                <a:gd name="connsiteX159" fmla="*/ 2276806 w 5757615"/>
                <a:gd name="connsiteY159" fmla="*/ 595610 h 5671244"/>
                <a:gd name="connsiteX160" fmla="*/ 2374090 w 5757615"/>
                <a:gd name="connsiteY160" fmla="*/ 341114 h 5671244"/>
                <a:gd name="connsiteX161" fmla="*/ 2369628 w 5757615"/>
                <a:gd name="connsiteY161" fmla="*/ 240209 h 5671244"/>
                <a:gd name="connsiteX162" fmla="*/ 2367843 w 5757615"/>
                <a:gd name="connsiteY162" fmla="*/ 231279 h 5671244"/>
                <a:gd name="connsiteX163" fmla="*/ 2332142 w 5757615"/>
                <a:gd name="connsiteY163" fmla="*/ 110728 h 5671244"/>
                <a:gd name="connsiteX164" fmla="*/ 2322325 w 5757615"/>
                <a:gd name="connsiteY164" fmla="*/ 114300 h 5671244"/>
                <a:gd name="connsiteX165" fmla="*/ 2341960 w 5757615"/>
                <a:gd name="connsiteY165" fmla="*/ 219670 h 5671244"/>
                <a:gd name="connsiteX166" fmla="*/ 2192018 w 5757615"/>
                <a:gd name="connsiteY166" fmla="*/ 165199 h 5671244"/>
                <a:gd name="connsiteX167" fmla="*/ 2179522 w 5757615"/>
                <a:gd name="connsiteY167" fmla="*/ 170557 h 5671244"/>
                <a:gd name="connsiteX168" fmla="*/ 2184877 w 5757615"/>
                <a:gd name="connsiteY168" fmla="*/ 183059 h 5671244"/>
                <a:gd name="connsiteX169" fmla="*/ 2342852 w 5757615"/>
                <a:gd name="connsiteY169" fmla="*/ 241102 h 5671244"/>
                <a:gd name="connsiteX170" fmla="*/ 2339283 w 5757615"/>
                <a:gd name="connsiteY170" fmla="*/ 325934 h 5671244"/>
                <a:gd name="connsiteX171" fmla="*/ 2185770 w 5757615"/>
                <a:gd name="connsiteY171" fmla="*/ 269677 h 5671244"/>
                <a:gd name="connsiteX172" fmla="*/ 2173274 w 5757615"/>
                <a:gd name="connsiteY172" fmla="*/ 275034 h 5671244"/>
                <a:gd name="connsiteX173" fmla="*/ 2178630 w 5757615"/>
                <a:gd name="connsiteY173" fmla="*/ 287536 h 5671244"/>
                <a:gd name="connsiteX174" fmla="*/ 2335712 w 5757615"/>
                <a:gd name="connsiteY174" fmla="*/ 344686 h 5671244"/>
                <a:gd name="connsiteX175" fmla="*/ 2313399 w 5757615"/>
                <a:gd name="connsiteY175" fmla="*/ 424160 h 5671244"/>
                <a:gd name="connsiteX176" fmla="*/ 2165242 w 5757615"/>
                <a:gd name="connsiteY176" fmla="*/ 369689 h 5671244"/>
                <a:gd name="connsiteX177" fmla="*/ 2152747 w 5757615"/>
                <a:gd name="connsiteY177" fmla="*/ 375047 h 5671244"/>
                <a:gd name="connsiteX178" fmla="*/ 2158102 w 5757615"/>
                <a:gd name="connsiteY178" fmla="*/ 387548 h 5671244"/>
                <a:gd name="connsiteX179" fmla="*/ 2306259 w 5757615"/>
                <a:gd name="connsiteY179" fmla="*/ 442020 h 5671244"/>
                <a:gd name="connsiteX180" fmla="*/ 2268774 w 5757615"/>
                <a:gd name="connsiteY180" fmla="*/ 515243 h 5671244"/>
                <a:gd name="connsiteX181" fmla="*/ 2130434 w 5757615"/>
                <a:gd name="connsiteY181" fmla="*/ 465237 h 5671244"/>
                <a:gd name="connsiteX182" fmla="*/ 2117938 w 5757615"/>
                <a:gd name="connsiteY182" fmla="*/ 471487 h 5671244"/>
                <a:gd name="connsiteX183" fmla="*/ 2124186 w 5757615"/>
                <a:gd name="connsiteY183" fmla="*/ 483989 h 5671244"/>
                <a:gd name="connsiteX184" fmla="*/ 2258956 w 5757615"/>
                <a:gd name="connsiteY184" fmla="*/ 532209 h 5671244"/>
                <a:gd name="connsiteX185" fmla="*/ 2208975 w 5757615"/>
                <a:gd name="connsiteY185" fmla="*/ 600075 h 5671244"/>
                <a:gd name="connsiteX186" fmla="*/ 1717199 w 5757615"/>
                <a:gd name="connsiteY186" fmla="*/ 419695 h 5671244"/>
                <a:gd name="connsiteX187" fmla="*/ 1712737 w 5757615"/>
                <a:gd name="connsiteY187" fmla="*/ 333077 h 5671244"/>
                <a:gd name="connsiteX188" fmla="*/ 1894809 w 5757615"/>
                <a:gd name="connsiteY188" fmla="*/ 399157 h 5671244"/>
                <a:gd name="connsiteX189" fmla="*/ 1898380 w 5757615"/>
                <a:gd name="connsiteY189" fmla="*/ 400050 h 5671244"/>
                <a:gd name="connsiteX190" fmla="*/ 1907305 w 5757615"/>
                <a:gd name="connsiteY190" fmla="*/ 393799 h 5671244"/>
                <a:gd name="connsiteX191" fmla="*/ 1901950 w 5757615"/>
                <a:gd name="connsiteY191" fmla="*/ 381298 h 5671244"/>
                <a:gd name="connsiteX192" fmla="*/ 1713629 w 5757615"/>
                <a:gd name="connsiteY192" fmla="*/ 313432 h 5671244"/>
                <a:gd name="connsiteX193" fmla="*/ 1725232 w 5757615"/>
                <a:gd name="connsiteY193" fmla="*/ 229493 h 5671244"/>
                <a:gd name="connsiteX194" fmla="*/ 1909982 w 5757615"/>
                <a:gd name="connsiteY194" fmla="*/ 297359 h 5671244"/>
                <a:gd name="connsiteX195" fmla="*/ 1913553 w 5757615"/>
                <a:gd name="connsiteY195" fmla="*/ 298252 h 5671244"/>
                <a:gd name="connsiteX196" fmla="*/ 1922478 w 5757615"/>
                <a:gd name="connsiteY196" fmla="*/ 292001 h 5671244"/>
                <a:gd name="connsiteX197" fmla="*/ 1917122 w 5757615"/>
                <a:gd name="connsiteY197" fmla="*/ 279499 h 5671244"/>
                <a:gd name="connsiteX198" fmla="*/ 1730587 w 5757615"/>
                <a:gd name="connsiteY198" fmla="*/ 210741 h 5671244"/>
                <a:gd name="connsiteX199" fmla="*/ 1740404 w 5757615"/>
                <a:gd name="connsiteY199" fmla="*/ 175022 h 5671244"/>
                <a:gd name="connsiteX200" fmla="*/ 1757362 w 5757615"/>
                <a:gd name="connsiteY200" fmla="*/ 133052 h 5671244"/>
                <a:gd name="connsiteX201" fmla="*/ 1951931 w 5757615"/>
                <a:gd name="connsiteY201" fmla="*/ 203597 h 5671244"/>
                <a:gd name="connsiteX202" fmla="*/ 1955501 w 5757615"/>
                <a:gd name="connsiteY202" fmla="*/ 204490 h 5671244"/>
                <a:gd name="connsiteX203" fmla="*/ 1964426 w 5757615"/>
                <a:gd name="connsiteY203" fmla="*/ 198239 h 5671244"/>
                <a:gd name="connsiteX204" fmla="*/ 1959071 w 5757615"/>
                <a:gd name="connsiteY204" fmla="*/ 185737 h 5671244"/>
                <a:gd name="connsiteX205" fmla="*/ 1767180 w 5757615"/>
                <a:gd name="connsiteY205" fmla="*/ 115193 h 5671244"/>
                <a:gd name="connsiteX206" fmla="*/ 1819839 w 5757615"/>
                <a:gd name="connsiteY206" fmla="*/ 46434 h 5671244"/>
                <a:gd name="connsiteX207" fmla="*/ 1822516 w 5757615"/>
                <a:gd name="connsiteY207" fmla="*/ 48220 h 5671244"/>
                <a:gd name="connsiteX208" fmla="*/ 1999234 w 5757615"/>
                <a:gd name="connsiteY208" fmla="*/ 112514 h 5671244"/>
                <a:gd name="connsiteX209" fmla="*/ 2002804 w 5757615"/>
                <a:gd name="connsiteY209" fmla="*/ 113407 h 5671244"/>
                <a:gd name="connsiteX210" fmla="*/ 2011729 w 5757615"/>
                <a:gd name="connsiteY210" fmla="*/ 107156 h 5671244"/>
                <a:gd name="connsiteX211" fmla="*/ 2006374 w 5757615"/>
                <a:gd name="connsiteY211" fmla="*/ 94655 h 5671244"/>
                <a:gd name="connsiteX212" fmla="*/ 1837689 w 5757615"/>
                <a:gd name="connsiteY212" fmla="*/ 33040 h 5671244"/>
                <a:gd name="connsiteX213" fmla="*/ 1897487 w 5757615"/>
                <a:gd name="connsiteY213" fmla="*/ 6251 h 5671244"/>
                <a:gd name="connsiteX214" fmla="*/ 1878744 w 5757615"/>
                <a:gd name="connsiteY214" fmla="*/ 0 h 5671244"/>
                <a:gd name="connsiteX215" fmla="*/ 1697564 w 5757615"/>
                <a:gd name="connsiteY215" fmla="*/ 183952 h 5671244"/>
                <a:gd name="connsiteX216" fmla="*/ 1672574 w 5757615"/>
                <a:gd name="connsiteY216" fmla="*/ 470595 h 5671244"/>
                <a:gd name="connsiteX217" fmla="*/ 2150069 w 5757615"/>
                <a:gd name="connsiteY217" fmla="*/ 1214437 h 5671244"/>
                <a:gd name="connsiteX218" fmla="*/ 2434781 w 5757615"/>
                <a:gd name="connsiteY218" fmla="*/ 1596628 h 5671244"/>
                <a:gd name="connsiteX219" fmla="*/ 2409791 w 5757615"/>
                <a:gd name="connsiteY219" fmla="*/ 1712714 h 5671244"/>
                <a:gd name="connsiteX220" fmla="*/ 2314292 w 5757615"/>
                <a:gd name="connsiteY220" fmla="*/ 2359224 h 5671244"/>
                <a:gd name="connsiteX221" fmla="*/ 1964426 w 5757615"/>
                <a:gd name="connsiteY221" fmla="*/ 3329880 h 5671244"/>
                <a:gd name="connsiteX222" fmla="*/ 1886777 w 5757615"/>
                <a:gd name="connsiteY222" fmla="*/ 3067348 h 5671244"/>
                <a:gd name="connsiteX223" fmla="*/ 1687746 w 5757615"/>
                <a:gd name="connsiteY223" fmla="*/ 2434233 h 5671244"/>
                <a:gd name="connsiteX224" fmla="*/ 1273619 w 5757615"/>
                <a:gd name="connsiteY224" fmla="*/ 2027932 h 5671244"/>
                <a:gd name="connsiteX225" fmla="*/ 1073696 w 5757615"/>
                <a:gd name="connsiteY225" fmla="*/ 1951137 h 5671244"/>
                <a:gd name="connsiteX226" fmla="*/ 1043350 w 5757615"/>
                <a:gd name="connsiteY226" fmla="*/ 1941314 h 5671244"/>
                <a:gd name="connsiteX227" fmla="*/ 945174 w 5757615"/>
                <a:gd name="connsiteY227" fmla="*/ 1913632 h 5671244"/>
                <a:gd name="connsiteX228" fmla="*/ 932678 w 5757615"/>
                <a:gd name="connsiteY228" fmla="*/ 1910060 h 5671244"/>
                <a:gd name="connsiteX229" fmla="*/ 808619 w 5757615"/>
                <a:gd name="connsiteY229" fmla="*/ 1878806 h 5671244"/>
                <a:gd name="connsiteX230" fmla="*/ 816651 w 5757615"/>
                <a:gd name="connsiteY230" fmla="*/ 1762720 h 5671244"/>
                <a:gd name="connsiteX231" fmla="*/ 816651 w 5757615"/>
                <a:gd name="connsiteY231" fmla="*/ 1563588 h 5671244"/>
                <a:gd name="connsiteX232" fmla="*/ 816651 w 5757615"/>
                <a:gd name="connsiteY232" fmla="*/ 1562695 h 5671244"/>
                <a:gd name="connsiteX233" fmla="*/ 797909 w 5757615"/>
                <a:gd name="connsiteY233" fmla="*/ 1422499 h 5671244"/>
                <a:gd name="connsiteX234" fmla="*/ 745250 w 5757615"/>
                <a:gd name="connsiteY234" fmla="*/ 1258193 h 5671244"/>
                <a:gd name="connsiteX235" fmla="*/ 739895 w 5757615"/>
                <a:gd name="connsiteY235" fmla="*/ 1247477 h 5671244"/>
                <a:gd name="connsiteX236" fmla="*/ 693484 w 5757615"/>
                <a:gd name="connsiteY236" fmla="*/ 1171575 h 5671244"/>
                <a:gd name="connsiteX237" fmla="*/ 504271 w 5757615"/>
                <a:gd name="connsiteY237" fmla="*/ 1033165 h 5671244"/>
                <a:gd name="connsiteX238" fmla="*/ 498916 w 5757615"/>
                <a:gd name="connsiteY238" fmla="*/ 1042987 h 5671244"/>
                <a:gd name="connsiteX239" fmla="*/ 581920 w 5757615"/>
                <a:gd name="connsiteY239" fmla="*/ 1101924 h 5671244"/>
                <a:gd name="connsiteX240" fmla="*/ 355221 w 5757615"/>
                <a:gd name="connsiteY240" fmla="*/ 1228725 h 5671244"/>
                <a:gd name="connsiteX241" fmla="*/ 351651 w 5757615"/>
                <a:gd name="connsiteY241" fmla="*/ 1242120 h 5671244"/>
                <a:gd name="connsiteX242" fmla="*/ 359684 w 5757615"/>
                <a:gd name="connsiteY242" fmla="*/ 1246584 h 5671244"/>
                <a:gd name="connsiteX243" fmla="*/ 364146 w 5757615"/>
                <a:gd name="connsiteY243" fmla="*/ 1245691 h 5671244"/>
                <a:gd name="connsiteX244" fmla="*/ 592630 w 5757615"/>
                <a:gd name="connsiteY244" fmla="*/ 1117997 h 5671244"/>
                <a:gd name="connsiteX245" fmla="*/ 596200 w 5757615"/>
                <a:gd name="connsiteY245" fmla="*/ 1115318 h 5671244"/>
                <a:gd name="connsiteX246" fmla="*/ 651536 w 5757615"/>
                <a:gd name="connsiteY246" fmla="*/ 1176040 h 5671244"/>
                <a:gd name="connsiteX247" fmla="*/ 407880 w 5757615"/>
                <a:gd name="connsiteY247" fmla="*/ 1317129 h 5671244"/>
                <a:gd name="connsiteX248" fmla="*/ 404310 w 5757615"/>
                <a:gd name="connsiteY248" fmla="*/ 1330523 h 5671244"/>
                <a:gd name="connsiteX249" fmla="*/ 412342 w 5757615"/>
                <a:gd name="connsiteY249" fmla="*/ 1334988 h 5671244"/>
                <a:gd name="connsiteX250" fmla="*/ 416805 w 5757615"/>
                <a:gd name="connsiteY250" fmla="*/ 1334095 h 5671244"/>
                <a:gd name="connsiteX251" fmla="*/ 660461 w 5757615"/>
                <a:gd name="connsiteY251" fmla="*/ 1195685 h 5671244"/>
                <a:gd name="connsiteX252" fmla="*/ 700624 w 5757615"/>
                <a:gd name="connsiteY252" fmla="*/ 1267123 h 5671244"/>
                <a:gd name="connsiteX253" fmla="*/ 479281 w 5757615"/>
                <a:gd name="connsiteY253" fmla="*/ 1393031 h 5671244"/>
                <a:gd name="connsiteX254" fmla="*/ 475711 w 5757615"/>
                <a:gd name="connsiteY254" fmla="*/ 1406426 h 5671244"/>
                <a:gd name="connsiteX255" fmla="*/ 483743 w 5757615"/>
                <a:gd name="connsiteY255" fmla="*/ 1410891 h 5671244"/>
                <a:gd name="connsiteX256" fmla="*/ 488206 w 5757615"/>
                <a:gd name="connsiteY256" fmla="*/ 1409998 h 5671244"/>
                <a:gd name="connsiteX257" fmla="*/ 707765 w 5757615"/>
                <a:gd name="connsiteY257" fmla="*/ 1284982 h 5671244"/>
                <a:gd name="connsiteX258" fmla="*/ 732755 w 5757615"/>
                <a:gd name="connsiteY258" fmla="*/ 1365349 h 5671244"/>
                <a:gd name="connsiteX259" fmla="*/ 218666 w 5757615"/>
                <a:gd name="connsiteY259" fmla="*/ 1657350 h 5671244"/>
                <a:gd name="connsiteX260" fmla="*/ 158868 w 5757615"/>
                <a:gd name="connsiteY260" fmla="*/ 1596628 h 5671244"/>
                <a:gd name="connsiteX261" fmla="*/ 265970 w 5757615"/>
                <a:gd name="connsiteY261" fmla="*/ 1535906 h 5671244"/>
                <a:gd name="connsiteX262" fmla="*/ 269540 w 5757615"/>
                <a:gd name="connsiteY262" fmla="*/ 1522512 h 5671244"/>
                <a:gd name="connsiteX263" fmla="*/ 256152 w 5757615"/>
                <a:gd name="connsiteY263" fmla="*/ 1518940 h 5671244"/>
                <a:gd name="connsiteX264" fmla="*/ 146373 w 5757615"/>
                <a:gd name="connsiteY264" fmla="*/ 1581448 h 5671244"/>
                <a:gd name="connsiteX265" fmla="*/ 99962 w 5757615"/>
                <a:gd name="connsiteY265" fmla="*/ 1513582 h 5671244"/>
                <a:gd name="connsiteX266" fmla="*/ 200816 w 5757615"/>
                <a:gd name="connsiteY266" fmla="*/ 1456432 h 5671244"/>
                <a:gd name="connsiteX267" fmla="*/ 204386 w 5757615"/>
                <a:gd name="connsiteY267" fmla="*/ 1443038 h 5671244"/>
                <a:gd name="connsiteX268" fmla="*/ 190998 w 5757615"/>
                <a:gd name="connsiteY268" fmla="*/ 1439466 h 5671244"/>
                <a:gd name="connsiteX269" fmla="*/ 90144 w 5757615"/>
                <a:gd name="connsiteY269" fmla="*/ 1496616 h 5671244"/>
                <a:gd name="connsiteX270" fmla="*/ 55336 w 5757615"/>
                <a:gd name="connsiteY270" fmla="*/ 1423392 h 5671244"/>
                <a:gd name="connsiteX271" fmla="*/ 155298 w 5757615"/>
                <a:gd name="connsiteY271" fmla="*/ 1366242 h 5671244"/>
                <a:gd name="connsiteX272" fmla="*/ 158868 w 5757615"/>
                <a:gd name="connsiteY272" fmla="*/ 1352848 h 5671244"/>
                <a:gd name="connsiteX273" fmla="*/ 145480 w 5757615"/>
                <a:gd name="connsiteY273" fmla="*/ 1349276 h 5671244"/>
                <a:gd name="connsiteX274" fmla="*/ 48196 w 5757615"/>
                <a:gd name="connsiteY274" fmla="*/ 1404640 h 5671244"/>
                <a:gd name="connsiteX275" fmla="*/ 15173 w 5757615"/>
                <a:gd name="connsiteY275" fmla="*/ 1259086 h 5671244"/>
                <a:gd name="connsiteX276" fmla="*/ 0 w 5757615"/>
                <a:gd name="connsiteY276" fmla="*/ 1267123 h 5671244"/>
                <a:gd name="connsiteX277" fmla="*/ 267755 w 5757615"/>
                <a:gd name="connsiteY277" fmla="*/ 1760041 h 5671244"/>
                <a:gd name="connsiteX278" fmla="*/ 267755 w 5757615"/>
                <a:gd name="connsiteY278" fmla="*/ 1760041 h 5671244"/>
                <a:gd name="connsiteX279" fmla="*/ 480173 w 5757615"/>
                <a:gd name="connsiteY279" fmla="*/ 1860054 h 5671244"/>
                <a:gd name="connsiteX280" fmla="*/ 1091546 w 5757615"/>
                <a:gd name="connsiteY280" fmla="*/ 2050256 h 5671244"/>
                <a:gd name="connsiteX281" fmla="*/ 1468187 w 5757615"/>
                <a:gd name="connsiteY281" fmla="*/ 2303859 h 5671244"/>
                <a:gd name="connsiteX282" fmla="*/ 1400356 w 5757615"/>
                <a:gd name="connsiteY282" fmla="*/ 2350294 h 5671244"/>
                <a:gd name="connsiteX283" fmla="*/ 1397679 w 5757615"/>
                <a:gd name="connsiteY283" fmla="*/ 2363688 h 5671244"/>
                <a:gd name="connsiteX284" fmla="*/ 1405711 w 5757615"/>
                <a:gd name="connsiteY284" fmla="*/ 2368153 h 5671244"/>
                <a:gd name="connsiteX285" fmla="*/ 1411067 w 5757615"/>
                <a:gd name="connsiteY285" fmla="*/ 2366367 h 5671244"/>
                <a:gd name="connsiteX286" fmla="*/ 1480683 w 5757615"/>
                <a:gd name="connsiteY286" fmla="*/ 2319040 h 5671244"/>
                <a:gd name="connsiteX287" fmla="*/ 1527094 w 5757615"/>
                <a:gd name="connsiteY287" fmla="*/ 2385120 h 5671244"/>
                <a:gd name="connsiteX288" fmla="*/ 1461047 w 5757615"/>
                <a:gd name="connsiteY288" fmla="*/ 2430661 h 5671244"/>
                <a:gd name="connsiteX289" fmla="*/ 1458370 w 5757615"/>
                <a:gd name="connsiteY289" fmla="*/ 2444056 h 5671244"/>
                <a:gd name="connsiteX290" fmla="*/ 1466402 w 5757615"/>
                <a:gd name="connsiteY290" fmla="*/ 2448520 h 5671244"/>
                <a:gd name="connsiteX291" fmla="*/ 1471758 w 5757615"/>
                <a:gd name="connsiteY291" fmla="*/ 2446734 h 5671244"/>
                <a:gd name="connsiteX292" fmla="*/ 1536911 w 5757615"/>
                <a:gd name="connsiteY292" fmla="*/ 2401193 h 5671244"/>
                <a:gd name="connsiteX293" fmla="*/ 1575289 w 5757615"/>
                <a:gd name="connsiteY293" fmla="*/ 2474417 h 5671244"/>
                <a:gd name="connsiteX294" fmla="*/ 1532449 w 5757615"/>
                <a:gd name="connsiteY294" fmla="*/ 2503884 h 5671244"/>
                <a:gd name="connsiteX295" fmla="*/ 1529771 w 5757615"/>
                <a:gd name="connsiteY295" fmla="*/ 2517279 h 5671244"/>
                <a:gd name="connsiteX296" fmla="*/ 1537803 w 5757615"/>
                <a:gd name="connsiteY296" fmla="*/ 2521744 h 5671244"/>
                <a:gd name="connsiteX297" fmla="*/ 1543159 w 5757615"/>
                <a:gd name="connsiteY297" fmla="*/ 2519958 h 5671244"/>
                <a:gd name="connsiteX298" fmla="*/ 1583322 w 5757615"/>
                <a:gd name="connsiteY298" fmla="*/ 2492276 h 5671244"/>
                <a:gd name="connsiteX299" fmla="*/ 1613667 w 5757615"/>
                <a:gd name="connsiteY299" fmla="*/ 2571750 h 5671244"/>
                <a:gd name="connsiteX300" fmla="*/ 1353053 w 5757615"/>
                <a:gd name="connsiteY300" fmla="*/ 2753023 h 5671244"/>
                <a:gd name="connsiteX301" fmla="*/ 1270942 w 5757615"/>
                <a:gd name="connsiteY301" fmla="*/ 2710160 h 5671244"/>
                <a:gd name="connsiteX302" fmla="*/ 1396786 w 5757615"/>
                <a:gd name="connsiteY302" fmla="*/ 2623542 h 5671244"/>
                <a:gd name="connsiteX303" fmla="*/ 1399464 w 5757615"/>
                <a:gd name="connsiteY303" fmla="*/ 2610148 h 5671244"/>
                <a:gd name="connsiteX304" fmla="*/ 1386076 w 5757615"/>
                <a:gd name="connsiteY304" fmla="*/ 2607469 h 5671244"/>
                <a:gd name="connsiteX305" fmla="*/ 1253984 w 5757615"/>
                <a:gd name="connsiteY305" fmla="*/ 2698552 h 5671244"/>
                <a:gd name="connsiteX306" fmla="*/ 1187938 w 5757615"/>
                <a:gd name="connsiteY306" fmla="*/ 2644081 h 5671244"/>
                <a:gd name="connsiteX307" fmla="*/ 1309320 w 5757615"/>
                <a:gd name="connsiteY307" fmla="*/ 2560142 h 5671244"/>
                <a:gd name="connsiteX308" fmla="*/ 1311997 w 5757615"/>
                <a:gd name="connsiteY308" fmla="*/ 2546747 h 5671244"/>
                <a:gd name="connsiteX309" fmla="*/ 1298610 w 5757615"/>
                <a:gd name="connsiteY309" fmla="*/ 2544068 h 5671244"/>
                <a:gd name="connsiteX310" fmla="*/ 1174550 w 5757615"/>
                <a:gd name="connsiteY310" fmla="*/ 2629793 h 5671244"/>
                <a:gd name="connsiteX311" fmla="*/ 1124569 w 5757615"/>
                <a:gd name="connsiteY311" fmla="*/ 2566392 h 5671244"/>
                <a:gd name="connsiteX312" fmla="*/ 1244166 w 5757615"/>
                <a:gd name="connsiteY312" fmla="*/ 2483346 h 5671244"/>
                <a:gd name="connsiteX313" fmla="*/ 1246844 w 5757615"/>
                <a:gd name="connsiteY313" fmla="*/ 2469952 h 5671244"/>
                <a:gd name="connsiteX314" fmla="*/ 1233456 w 5757615"/>
                <a:gd name="connsiteY314" fmla="*/ 2467273 h 5671244"/>
                <a:gd name="connsiteX315" fmla="*/ 1114752 w 5757615"/>
                <a:gd name="connsiteY315" fmla="*/ 2549426 h 5671244"/>
                <a:gd name="connsiteX316" fmla="*/ 1062093 w 5757615"/>
                <a:gd name="connsiteY316" fmla="*/ 2434233 h 5671244"/>
                <a:gd name="connsiteX317" fmla="*/ 1051383 w 5757615"/>
                <a:gd name="connsiteY317" fmla="*/ 2436912 h 5671244"/>
                <a:gd name="connsiteX318" fmla="*/ 1145990 w 5757615"/>
                <a:gd name="connsiteY318" fmla="*/ 2651224 h 5671244"/>
                <a:gd name="connsiteX319" fmla="*/ 1369118 w 5757615"/>
                <a:gd name="connsiteY319" fmla="*/ 2807494 h 5671244"/>
                <a:gd name="connsiteX320" fmla="*/ 1387861 w 5757615"/>
                <a:gd name="connsiteY320" fmla="*/ 2815531 h 5671244"/>
                <a:gd name="connsiteX321" fmla="*/ 869310 w 5757615"/>
                <a:gd name="connsiteY321" fmla="*/ 3250406 h 5671244"/>
                <a:gd name="connsiteX322" fmla="*/ 861277 w 5757615"/>
                <a:gd name="connsiteY322" fmla="*/ 3287018 h 5671244"/>
                <a:gd name="connsiteX323" fmla="*/ 899655 w 5757615"/>
                <a:gd name="connsiteY323" fmla="*/ 3292376 h 5671244"/>
                <a:gd name="connsiteX324" fmla="*/ 1610990 w 5757615"/>
                <a:gd name="connsiteY324" fmla="*/ 2883396 h 5671244"/>
                <a:gd name="connsiteX325" fmla="*/ 1696672 w 5757615"/>
                <a:gd name="connsiteY325" fmla="*/ 2899470 h 5671244"/>
                <a:gd name="connsiteX326" fmla="*/ 1712737 w 5757615"/>
                <a:gd name="connsiteY326" fmla="*/ 2902148 h 5671244"/>
                <a:gd name="connsiteX327" fmla="*/ 1796633 w 5757615"/>
                <a:gd name="connsiteY327" fmla="*/ 3242370 h 5671244"/>
                <a:gd name="connsiteX328" fmla="*/ 2117046 w 5757615"/>
                <a:gd name="connsiteY328" fmla="*/ 4227314 h 5671244"/>
                <a:gd name="connsiteX329" fmla="*/ 2070635 w 5757615"/>
                <a:gd name="connsiteY329" fmla="*/ 4257675 h 5671244"/>
                <a:gd name="connsiteX330" fmla="*/ 1077266 w 5757615"/>
                <a:gd name="connsiteY330" fmla="*/ 5352455 h 5671244"/>
                <a:gd name="connsiteX331" fmla="*/ 2117938 w 5757615"/>
                <a:gd name="connsiteY331" fmla="*/ 5671245 h 5671244"/>
                <a:gd name="connsiteX332" fmla="*/ 2066173 w 5757615"/>
                <a:gd name="connsiteY332" fmla="*/ 5336381 h 5671244"/>
                <a:gd name="connsiteX333" fmla="*/ 2516893 w 5757615"/>
                <a:gd name="connsiteY333" fmla="*/ 4365724 h 5671244"/>
                <a:gd name="connsiteX334" fmla="*/ 4168046 w 5757615"/>
                <a:gd name="connsiteY334" fmla="*/ 3387031 h 5671244"/>
                <a:gd name="connsiteX335" fmla="*/ 4376002 w 5757615"/>
                <a:gd name="connsiteY335" fmla="*/ 3244156 h 5671244"/>
                <a:gd name="connsiteX336" fmla="*/ 4400992 w 5757615"/>
                <a:gd name="connsiteY336" fmla="*/ 3356670 h 5671244"/>
                <a:gd name="connsiteX337" fmla="*/ 4924006 w 5757615"/>
                <a:gd name="connsiteY337" fmla="*/ 3812084 h 5671244"/>
                <a:gd name="connsiteX338" fmla="*/ 4969524 w 5757615"/>
                <a:gd name="connsiteY338" fmla="*/ 3819228 h 5671244"/>
                <a:gd name="connsiteX339" fmla="*/ 4968632 w 5757615"/>
                <a:gd name="connsiteY339" fmla="*/ 3779044 h 5671244"/>
                <a:gd name="connsiteX340" fmla="*/ 4496491 w 5757615"/>
                <a:gd name="connsiteY340" fmla="*/ 3134320 h 5671244"/>
                <a:gd name="connsiteX341" fmla="*/ 4634831 w 5757615"/>
                <a:gd name="connsiteY341" fmla="*/ 2969121 h 5671244"/>
                <a:gd name="connsiteX342" fmla="*/ 4770493 w 5757615"/>
                <a:gd name="connsiteY342" fmla="*/ 2758380 h 5671244"/>
                <a:gd name="connsiteX343" fmla="*/ 3230012 w 5757615"/>
                <a:gd name="connsiteY343" fmla="*/ 1501081 h 5671244"/>
                <a:gd name="connsiteX344" fmla="*/ 3643247 w 5757615"/>
                <a:gd name="connsiteY344" fmla="*/ 1712714 h 5671244"/>
                <a:gd name="connsiteX345" fmla="*/ 3564706 w 5757615"/>
                <a:gd name="connsiteY345" fmla="*/ 1763613 h 5671244"/>
                <a:gd name="connsiteX346" fmla="*/ 3356750 w 5757615"/>
                <a:gd name="connsiteY346" fmla="*/ 1657350 h 5671244"/>
                <a:gd name="connsiteX347" fmla="*/ 3343362 w 5757615"/>
                <a:gd name="connsiteY347" fmla="*/ 1661815 h 5671244"/>
                <a:gd name="connsiteX348" fmla="*/ 3347825 w 5757615"/>
                <a:gd name="connsiteY348" fmla="*/ 1675209 h 5671244"/>
                <a:gd name="connsiteX349" fmla="*/ 3544178 w 5757615"/>
                <a:gd name="connsiteY349" fmla="*/ 1776115 h 5671244"/>
                <a:gd name="connsiteX350" fmla="*/ 3487949 w 5757615"/>
                <a:gd name="connsiteY350" fmla="*/ 1809155 h 5671244"/>
                <a:gd name="connsiteX351" fmla="*/ 3322834 w 5757615"/>
                <a:gd name="connsiteY351" fmla="*/ 1892201 h 5671244"/>
                <a:gd name="connsiteX352" fmla="*/ 3318371 w 5757615"/>
                <a:gd name="connsiteY352" fmla="*/ 1880592 h 5671244"/>
                <a:gd name="connsiteX353" fmla="*/ 3230012 w 5757615"/>
                <a:gd name="connsiteY353" fmla="*/ 1501081 h 5671244"/>
                <a:gd name="connsiteX354" fmla="*/ 2717709 w 5757615"/>
                <a:gd name="connsiteY354" fmla="*/ 1846660 h 5671244"/>
                <a:gd name="connsiteX355" fmla="*/ 3288918 w 5757615"/>
                <a:gd name="connsiteY355" fmla="*/ 1964531 h 5671244"/>
                <a:gd name="connsiteX356" fmla="*/ 3402268 w 5757615"/>
                <a:gd name="connsiteY356" fmla="*/ 2174379 h 5671244"/>
                <a:gd name="connsiteX357" fmla="*/ 2717709 w 5757615"/>
                <a:gd name="connsiteY357" fmla="*/ 1846660 h 5671244"/>
                <a:gd name="connsiteX358" fmla="*/ 2772152 w 5757615"/>
                <a:gd name="connsiteY358" fmla="*/ 281285 h 5671244"/>
                <a:gd name="connsiteX359" fmla="*/ 2812316 w 5757615"/>
                <a:gd name="connsiteY359" fmla="*/ 1006376 h 5671244"/>
                <a:gd name="connsiteX360" fmla="*/ 2688256 w 5757615"/>
                <a:gd name="connsiteY360" fmla="*/ 1124248 h 5671244"/>
                <a:gd name="connsiteX361" fmla="*/ 2772152 w 5757615"/>
                <a:gd name="connsiteY361" fmla="*/ 281285 h 5671244"/>
                <a:gd name="connsiteX362" fmla="*/ 1721662 w 5757615"/>
                <a:gd name="connsiteY362" fmla="*/ 442913 h 5671244"/>
                <a:gd name="connsiteX363" fmla="*/ 2196480 w 5757615"/>
                <a:gd name="connsiteY363" fmla="*/ 617041 h 5671244"/>
                <a:gd name="connsiteX364" fmla="*/ 2136681 w 5757615"/>
                <a:gd name="connsiteY364" fmla="*/ 683121 h 5671244"/>
                <a:gd name="connsiteX365" fmla="*/ 1743975 w 5757615"/>
                <a:gd name="connsiteY365" fmla="*/ 539353 h 5671244"/>
                <a:gd name="connsiteX366" fmla="*/ 1721662 w 5757615"/>
                <a:gd name="connsiteY366" fmla="*/ 442913 h 5671244"/>
                <a:gd name="connsiteX367" fmla="*/ 1916230 w 5757615"/>
                <a:gd name="connsiteY367" fmla="*/ 867966 h 5671244"/>
                <a:gd name="connsiteX368" fmla="*/ 1752900 w 5757615"/>
                <a:gd name="connsiteY368" fmla="*/ 562570 h 5671244"/>
                <a:gd name="connsiteX369" fmla="*/ 2122401 w 5757615"/>
                <a:gd name="connsiteY369" fmla="*/ 697409 h 5671244"/>
                <a:gd name="connsiteX370" fmla="*/ 2063495 w 5757615"/>
                <a:gd name="connsiteY370" fmla="*/ 757237 h 5671244"/>
                <a:gd name="connsiteX371" fmla="*/ 2058140 w 5757615"/>
                <a:gd name="connsiteY371" fmla="*/ 762595 h 5671244"/>
                <a:gd name="connsiteX372" fmla="*/ 1918015 w 5757615"/>
                <a:gd name="connsiteY372" fmla="*/ 710803 h 5671244"/>
                <a:gd name="connsiteX373" fmla="*/ 1905520 w 5757615"/>
                <a:gd name="connsiteY373" fmla="*/ 716161 h 5671244"/>
                <a:gd name="connsiteX374" fmla="*/ 1910875 w 5757615"/>
                <a:gd name="connsiteY374" fmla="*/ 728663 h 5671244"/>
                <a:gd name="connsiteX375" fmla="*/ 2042074 w 5757615"/>
                <a:gd name="connsiteY375" fmla="*/ 777776 h 5671244"/>
                <a:gd name="connsiteX376" fmla="*/ 1922478 w 5757615"/>
                <a:gd name="connsiteY376" fmla="*/ 877788 h 5671244"/>
                <a:gd name="connsiteX377" fmla="*/ 1916230 w 5757615"/>
                <a:gd name="connsiteY377" fmla="*/ 867966 h 5671244"/>
                <a:gd name="connsiteX378" fmla="*/ 307918 w 5757615"/>
                <a:gd name="connsiteY378" fmla="*/ 1717179 h 5671244"/>
                <a:gd name="connsiteX379" fmla="*/ 234732 w 5757615"/>
                <a:gd name="connsiteY379" fmla="*/ 1670745 h 5671244"/>
                <a:gd name="connsiteX380" fmla="*/ 739003 w 5757615"/>
                <a:gd name="connsiteY380" fmla="*/ 1384102 h 5671244"/>
                <a:gd name="connsiteX381" fmla="*/ 751498 w 5757615"/>
                <a:gd name="connsiteY381" fmla="*/ 1470720 h 5671244"/>
                <a:gd name="connsiteX382" fmla="*/ 312380 w 5757615"/>
                <a:gd name="connsiteY382" fmla="*/ 1719858 h 5671244"/>
                <a:gd name="connsiteX383" fmla="*/ 307918 w 5757615"/>
                <a:gd name="connsiteY383" fmla="*/ 1717179 h 5671244"/>
                <a:gd name="connsiteX384" fmla="*/ 752390 w 5757615"/>
                <a:gd name="connsiteY384" fmla="*/ 1691283 h 5671244"/>
                <a:gd name="connsiteX385" fmla="*/ 751498 w 5757615"/>
                <a:gd name="connsiteY385" fmla="*/ 1701998 h 5671244"/>
                <a:gd name="connsiteX386" fmla="*/ 622083 w 5757615"/>
                <a:gd name="connsiteY386" fmla="*/ 1776115 h 5671244"/>
                <a:gd name="connsiteX387" fmla="*/ 618513 w 5757615"/>
                <a:gd name="connsiteY387" fmla="*/ 1789509 h 5671244"/>
                <a:gd name="connsiteX388" fmla="*/ 626546 w 5757615"/>
                <a:gd name="connsiteY388" fmla="*/ 1793974 h 5671244"/>
                <a:gd name="connsiteX389" fmla="*/ 631008 w 5757615"/>
                <a:gd name="connsiteY389" fmla="*/ 1793081 h 5671244"/>
                <a:gd name="connsiteX390" fmla="*/ 749713 w 5757615"/>
                <a:gd name="connsiteY390" fmla="*/ 1725216 h 5671244"/>
                <a:gd name="connsiteX391" fmla="*/ 734540 w 5757615"/>
                <a:gd name="connsiteY391" fmla="*/ 1865412 h 5671244"/>
                <a:gd name="connsiteX392" fmla="*/ 450720 w 5757615"/>
                <a:gd name="connsiteY392" fmla="*/ 1778794 h 5671244"/>
                <a:gd name="connsiteX393" fmla="*/ 754175 w 5757615"/>
                <a:gd name="connsiteY393" fmla="*/ 1606451 h 5671244"/>
                <a:gd name="connsiteX394" fmla="*/ 752390 w 5757615"/>
                <a:gd name="connsiteY394" fmla="*/ 1691283 h 5671244"/>
                <a:gd name="connsiteX395" fmla="*/ 755068 w 5757615"/>
                <a:gd name="connsiteY395" fmla="*/ 1585020 h 5671244"/>
                <a:gd name="connsiteX396" fmla="*/ 428407 w 5757615"/>
                <a:gd name="connsiteY396" fmla="*/ 1770757 h 5671244"/>
                <a:gd name="connsiteX397" fmla="*/ 334693 w 5757615"/>
                <a:gd name="connsiteY397" fmla="*/ 1730574 h 5671244"/>
                <a:gd name="connsiteX398" fmla="*/ 753283 w 5757615"/>
                <a:gd name="connsiteY398" fmla="*/ 1493044 h 5671244"/>
                <a:gd name="connsiteX399" fmla="*/ 755068 w 5757615"/>
                <a:gd name="connsiteY399" fmla="*/ 1585020 h 5671244"/>
                <a:gd name="connsiteX400" fmla="*/ 945174 w 5757615"/>
                <a:gd name="connsiteY400" fmla="*/ 3236119 h 5671244"/>
                <a:gd name="connsiteX401" fmla="*/ 1427132 w 5757615"/>
                <a:gd name="connsiteY401" fmla="*/ 2832497 h 5671244"/>
                <a:gd name="connsiteX402" fmla="*/ 1597602 w 5757615"/>
                <a:gd name="connsiteY402" fmla="*/ 2880717 h 5671244"/>
                <a:gd name="connsiteX403" fmla="*/ 945174 w 5757615"/>
                <a:gd name="connsiteY403" fmla="*/ 3236119 h 5671244"/>
                <a:gd name="connsiteX404" fmla="*/ 1635088 w 5757615"/>
                <a:gd name="connsiteY404" fmla="*/ 2823567 h 5671244"/>
                <a:gd name="connsiteX405" fmla="*/ 1620808 w 5757615"/>
                <a:gd name="connsiteY405" fmla="*/ 2821781 h 5671244"/>
                <a:gd name="connsiteX406" fmla="*/ 1561901 w 5757615"/>
                <a:gd name="connsiteY406" fmla="*/ 2812852 h 5671244"/>
                <a:gd name="connsiteX407" fmla="*/ 1497640 w 5757615"/>
                <a:gd name="connsiteY407" fmla="*/ 2800350 h 5671244"/>
                <a:gd name="connsiteX408" fmla="*/ 1607420 w 5757615"/>
                <a:gd name="connsiteY408" fmla="*/ 2724448 h 5671244"/>
                <a:gd name="connsiteX409" fmla="*/ 1610098 w 5757615"/>
                <a:gd name="connsiteY409" fmla="*/ 2711053 h 5671244"/>
                <a:gd name="connsiteX410" fmla="*/ 1596710 w 5757615"/>
                <a:gd name="connsiteY410" fmla="*/ 2708374 h 5671244"/>
                <a:gd name="connsiteX411" fmla="*/ 1472650 w 5757615"/>
                <a:gd name="connsiteY411" fmla="*/ 2794099 h 5671244"/>
                <a:gd name="connsiteX412" fmla="*/ 1375366 w 5757615"/>
                <a:gd name="connsiteY412" fmla="*/ 2763738 h 5671244"/>
                <a:gd name="connsiteX413" fmla="*/ 1621700 w 5757615"/>
                <a:gd name="connsiteY413" fmla="*/ 2593181 h 5671244"/>
                <a:gd name="connsiteX414" fmla="*/ 1693994 w 5757615"/>
                <a:gd name="connsiteY414" fmla="*/ 2831604 h 5671244"/>
                <a:gd name="connsiteX415" fmla="*/ 1635088 w 5757615"/>
                <a:gd name="connsiteY415" fmla="*/ 2823567 h 5671244"/>
                <a:gd name="connsiteX416" fmla="*/ 4903478 w 5757615"/>
                <a:gd name="connsiteY416" fmla="*/ 3742432 h 5671244"/>
                <a:gd name="connsiteX417" fmla="*/ 4390282 w 5757615"/>
                <a:gd name="connsiteY417" fmla="*/ 3233440 h 5671244"/>
                <a:gd name="connsiteX418" fmla="*/ 4483103 w 5757615"/>
                <a:gd name="connsiteY418" fmla="*/ 3149501 h 5671244"/>
                <a:gd name="connsiteX419" fmla="*/ 4903478 w 5757615"/>
                <a:gd name="connsiteY419" fmla="*/ 3742432 h 56712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Lst>
              <a:rect l="l" t="t" r="r" b="b"/>
              <a:pathLst>
                <a:path w="5757615" h="5671244">
                  <a:moveTo>
                    <a:pt x="4770493" y="2758380"/>
                  </a:moveTo>
                  <a:cubicBezTo>
                    <a:pt x="4772279" y="2754809"/>
                    <a:pt x="4774064" y="2751237"/>
                    <a:pt x="4776741" y="2748558"/>
                  </a:cubicBezTo>
                  <a:cubicBezTo>
                    <a:pt x="4827615" y="2661047"/>
                    <a:pt x="4876703" y="2571750"/>
                    <a:pt x="4933824" y="2488704"/>
                  </a:cubicBezTo>
                  <a:cubicBezTo>
                    <a:pt x="5141780" y="2178844"/>
                    <a:pt x="5417567" y="1908274"/>
                    <a:pt x="5757615" y="1746647"/>
                  </a:cubicBezTo>
                  <a:cubicBezTo>
                    <a:pt x="5401502" y="1879699"/>
                    <a:pt x="5103401" y="2145804"/>
                    <a:pt x="4881166" y="2452092"/>
                  </a:cubicBezTo>
                  <a:cubicBezTo>
                    <a:pt x="4826722" y="2525316"/>
                    <a:pt x="4773171" y="2610148"/>
                    <a:pt x="4716050" y="2694087"/>
                  </a:cubicBezTo>
                  <a:lnTo>
                    <a:pt x="4692844" y="2673548"/>
                  </a:lnTo>
                  <a:cubicBezTo>
                    <a:pt x="4688382" y="2669977"/>
                    <a:pt x="4683027" y="2670870"/>
                    <a:pt x="4679457" y="2674441"/>
                  </a:cubicBezTo>
                  <a:cubicBezTo>
                    <a:pt x="4675887" y="2678906"/>
                    <a:pt x="4676779" y="2684264"/>
                    <a:pt x="4680350" y="2687836"/>
                  </a:cubicBezTo>
                  <a:lnTo>
                    <a:pt x="4705340" y="2709267"/>
                  </a:lnTo>
                  <a:cubicBezTo>
                    <a:pt x="4690167" y="2731591"/>
                    <a:pt x="4674102" y="2753916"/>
                    <a:pt x="4658929" y="2776240"/>
                  </a:cubicBezTo>
                  <a:lnTo>
                    <a:pt x="4605378" y="2732484"/>
                  </a:lnTo>
                  <a:cubicBezTo>
                    <a:pt x="4600916" y="2728913"/>
                    <a:pt x="4595561" y="2729806"/>
                    <a:pt x="4591990" y="2734270"/>
                  </a:cubicBezTo>
                  <a:cubicBezTo>
                    <a:pt x="4588421" y="2738735"/>
                    <a:pt x="4589313" y="2744093"/>
                    <a:pt x="4593776" y="2747665"/>
                  </a:cubicBezTo>
                  <a:lnTo>
                    <a:pt x="4648219" y="2792313"/>
                  </a:lnTo>
                  <a:cubicBezTo>
                    <a:pt x="4632154" y="2814638"/>
                    <a:pt x="4615196" y="2836069"/>
                    <a:pt x="4598238" y="2857500"/>
                  </a:cubicBezTo>
                  <a:lnTo>
                    <a:pt x="4533085" y="2803922"/>
                  </a:lnTo>
                  <a:cubicBezTo>
                    <a:pt x="4528622" y="2800350"/>
                    <a:pt x="4523267" y="2801243"/>
                    <a:pt x="4519697" y="2804815"/>
                  </a:cubicBezTo>
                  <a:cubicBezTo>
                    <a:pt x="4516127" y="2809280"/>
                    <a:pt x="4517019" y="2814638"/>
                    <a:pt x="4520589" y="2818209"/>
                  </a:cubicBezTo>
                  <a:lnTo>
                    <a:pt x="4585743" y="2871788"/>
                  </a:lnTo>
                  <a:cubicBezTo>
                    <a:pt x="4568785" y="2893219"/>
                    <a:pt x="4550935" y="2913757"/>
                    <a:pt x="4532192" y="2933402"/>
                  </a:cubicBezTo>
                  <a:lnTo>
                    <a:pt x="4473286" y="2884289"/>
                  </a:lnTo>
                  <a:cubicBezTo>
                    <a:pt x="4468823" y="2880717"/>
                    <a:pt x="4463469" y="2881610"/>
                    <a:pt x="4459898" y="2885182"/>
                  </a:cubicBezTo>
                  <a:cubicBezTo>
                    <a:pt x="4456328" y="2889647"/>
                    <a:pt x="4457221" y="2895005"/>
                    <a:pt x="4460791" y="2898577"/>
                  </a:cubicBezTo>
                  <a:lnTo>
                    <a:pt x="4518804" y="2946797"/>
                  </a:lnTo>
                  <a:cubicBezTo>
                    <a:pt x="4499169" y="2967335"/>
                    <a:pt x="4479534" y="2986088"/>
                    <a:pt x="4458113" y="3003947"/>
                  </a:cubicBezTo>
                  <a:lnTo>
                    <a:pt x="4339409" y="2903935"/>
                  </a:lnTo>
                  <a:cubicBezTo>
                    <a:pt x="4334946" y="2900363"/>
                    <a:pt x="4329591" y="2901255"/>
                    <a:pt x="4326021" y="2904828"/>
                  </a:cubicBezTo>
                  <a:cubicBezTo>
                    <a:pt x="4322451" y="2909292"/>
                    <a:pt x="4323344" y="2914650"/>
                    <a:pt x="4326913" y="2918222"/>
                  </a:cubicBezTo>
                  <a:lnTo>
                    <a:pt x="4442940" y="3016449"/>
                  </a:lnTo>
                  <a:cubicBezTo>
                    <a:pt x="4425983" y="3030736"/>
                    <a:pt x="4408133" y="3044130"/>
                    <a:pt x="4389389" y="3055739"/>
                  </a:cubicBezTo>
                  <a:cubicBezTo>
                    <a:pt x="4347442" y="3083421"/>
                    <a:pt x="4307278" y="3108424"/>
                    <a:pt x="4268008" y="3132535"/>
                  </a:cubicBezTo>
                  <a:cubicBezTo>
                    <a:pt x="4261760" y="3099495"/>
                    <a:pt x="4255512" y="3061097"/>
                    <a:pt x="4251942" y="3028950"/>
                  </a:cubicBezTo>
                  <a:cubicBezTo>
                    <a:pt x="4242124" y="2924473"/>
                    <a:pt x="4232307" y="2818209"/>
                    <a:pt x="4247480" y="2717304"/>
                  </a:cubicBezTo>
                  <a:lnTo>
                    <a:pt x="4273362" y="2740521"/>
                  </a:lnTo>
                  <a:cubicBezTo>
                    <a:pt x="4275148" y="2742307"/>
                    <a:pt x="4277825" y="2743200"/>
                    <a:pt x="4279610" y="2743200"/>
                  </a:cubicBezTo>
                  <a:cubicBezTo>
                    <a:pt x="4282288" y="2743200"/>
                    <a:pt x="4284966" y="2742307"/>
                    <a:pt x="4286750" y="2739628"/>
                  </a:cubicBezTo>
                  <a:cubicBezTo>
                    <a:pt x="4290320" y="2736056"/>
                    <a:pt x="4290320" y="2729806"/>
                    <a:pt x="4285858" y="2726234"/>
                  </a:cubicBezTo>
                  <a:lnTo>
                    <a:pt x="4251050" y="2694980"/>
                  </a:lnTo>
                  <a:cubicBezTo>
                    <a:pt x="4256405" y="2665512"/>
                    <a:pt x="4264437" y="2636937"/>
                    <a:pt x="4274255" y="2608362"/>
                  </a:cubicBezTo>
                  <a:lnTo>
                    <a:pt x="4344764" y="2667298"/>
                  </a:lnTo>
                  <a:cubicBezTo>
                    <a:pt x="4346549" y="2669084"/>
                    <a:pt x="4348334" y="2669977"/>
                    <a:pt x="4351011" y="2669977"/>
                  </a:cubicBezTo>
                  <a:cubicBezTo>
                    <a:pt x="4353689" y="2669977"/>
                    <a:pt x="4356367" y="2669084"/>
                    <a:pt x="4358151" y="2666405"/>
                  </a:cubicBezTo>
                  <a:cubicBezTo>
                    <a:pt x="4361722" y="2661940"/>
                    <a:pt x="4360829" y="2656582"/>
                    <a:pt x="4357259" y="2653010"/>
                  </a:cubicBezTo>
                  <a:lnTo>
                    <a:pt x="4282288" y="2590502"/>
                  </a:lnTo>
                  <a:cubicBezTo>
                    <a:pt x="4292998" y="2565499"/>
                    <a:pt x="4305493" y="2541389"/>
                    <a:pt x="4321558" y="2517279"/>
                  </a:cubicBezTo>
                  <a:lnTo>
                    <a:pt x="4425983" y="2607469"/>
                  </a:lnTo>
                  <a:cubicBezTo>
                    <a:pt x="4427768" y="2609255"/>
                    <a:pt x="4430445" y="2610148"/>
                    <a:pt x="4432231" y="2610148"/>
                  </a:cubicBezTo>
                  <a:cubicBezTo>
                    <a:pt x="4434908" y="2610148"/>
                    <a:pt x="4437585" y="2609255"/>
                    <a:pt x="4439371" y="2606576"/>
                  </a:cubicBezTo>
                  <a:cubicBezTo>
                    <a:pt x="4442940" y="2602111"/>
                    <a:pt x="4442048" y="2596753"/>
                    <a:pt x="4438478" y="2593181"/>
                  </a:cubicBezTo>
                  <a:lnTo>
                    <a:pt x="4332269" y="2502099"/>
                  </a:lnTo>
                  <a:cubicBezTo>
                    <a:pt x="4347442" y="2480667"/>
                    <a:pt x="4365292" y="2459236"/>
                    <a:pt x="4385820" y="2439591"/>
                  </a:cubicBezTo>
                  <a:cubicBezTo>
                    <a:pt x="4385820" y="2439591"/>
                    <a:pt x="4385820" y="2439591"/>
                    <a:pt x="4385820" y="2439591"/>
                  </a:cubicBezTo>
                  <a:lnTo>
                    <a:pt x="4541117" y="2570857"/>
                  </a:lnTo>
                  <a:cubicBezTo>
                    <a:pt x="4542902" y="2572643"/>
                    <a:pt x="4545580" y="2573536"/>
                    <a:pt x="4547365" y="2573536"/>
                  </a:cubicBezTo>
                  <a:cubicBezTo>
                    <a:pt x="4550042" y="2573536"/>
                    <a:pt x="4552720" y="2572643"/>
                    <a:pt x="4554505" y="2569964"/>
                  </a:cubicBezTo>
                  <a:cubicBezTo>
                    <a:pt x="4558075" y="2565499"/>
                    <a:pt x="4557183" y="2560142"/>
                    <a:pt x="4553612" y="2556570"/>
                  </a:cubicBezTo>
                  <a:lnTo>
                    <a:pt x="4400100" y="2426196"/>
                  </a:lnTo>
                  <a:cubicBezTo>
                    <a:pt x="4423305" y="2404765"/>
                    <a:pt x="4449188" y="2384227"/>
                    <a:pt x="4479534" y="2364581"/>
                  </a:cubicBezTo>
                  <a:lnTo>
                    <a:pt x="4474178" y="2355652"/>
                  </a:lnTo>
                  <a:cubicBezTo>
                    <a:pt x="4409025" y="2384227"/>
                    <a:pt x="4340301" y="2433340"/>
                    <a:pt x="4292106" y="2502992"/>
                  </a:cubicBezTo>
                  <a:cubicBezTo>
                    <a:pt x="4243017" y="2572643"/>
                    <a:pt x="4207317" y="2659261"/>
                    <a:pt x="4196606" y="2756595"/>
                  </a:cubicBezTo>
                  <a:cubicBezTo>
                    <a:pt x="4183218" y="2888754"/>
                    <a:pt x="4185896" y="2994124"/>
                    <a:pt x="4196606" y="3099495"/>
                  </a:cubicBezTo>
                  <a:cubicBezTo>
                    <a:pt x="4199284" y="3121819"/>
                    <a:pt x="4201961" y="3148608"/>
                    <a:pt x="4204639" y="3172718"/>
                  </a:cubicBezTo>
                  <a:cubicBezTo>
                    <a:pt x="3997575" y="3293269"/>
                    <a:pt x="3800329" y="3378994"/>
                    <a:pt x="3498659" y="3507581"/>
                  </a:cubicBezTo>
                  <a:cubicBezTo>
                    <a:pt x="3444216" y="3530798"/>
                    <a:pt x="3360319" y="3566517"/>
                    <a:pt x="3254110" y="3613845"/>
                  </a:cubicBezTo>
                  <a:cubicBezTo>
                    <a:pt x="3096135" y="3340596"/>
                    <a:pt x="3051509" y="2628007"/>
                    <a:pt x="3521865" y="2352973"/>
                  </a:cubicBezTo>
                  <a:cubicBezTo>
                    <a:pt x="3753026" y="2218134"/>
                    <a:pt x="3992220" y="2019002"/>
                    <a:pt x="4071654" y="1756470"/>
                  </a:cubicBezTo>
                  <a:cubicBezTo>
                    <a:pt x="4152873" y="1499295"/>
                    <a:pt x="4118957" y="1213545"/>
                    <a:pt x="3999361" y="976015"/>
                  </a:cubicBezTo>
                  <a:lnTo>
                    <a:pt x="3992220" y="979587"/>
                  </a:lnTo>
                  <a:cubicBezTo>
                    <a:pt x="4044879" y="1145679"/>
                    <a:pt x="4068084" y="1247477"/>
                    <a:pt x="4068084" y="1403747"/>
                  </a:cubicBezTo>
                  <a:cubicBezTo>
                    <a:pt x="4068084" y="1797546"/>
                    <a:pt x="3866376" y="2070794"/>
                    <a:pt x="3538822" y="2260997"/>
                  </a:cubicBezTo>
                  <a:cubicBezTo>
                    <a:pt x="3495090" y="2198489"/>
                    <a:pt x="3409408" y="2071687"/>
                    <a:pt x="3353179" y="1960066"/>
                  </a:cubicBezTo>
                  <a:cubicBezTo>
                    <a:pt x="3372815" y="1949351"/>
                    <a:pt x="3422796" y="1923455"/>
                    <a:pt x="3457604" y="1902916"/>
                  </a:cubicBezTo>
                  <a:cubicBezTo>
                    <a:pt x="3562028" y="1841302"/>
                    <a:pt x="3645032" y="1789509"/>
                    <a:pt x="3733391" y="1703785"/>
                  </a:cubicBezTo>
                  <a:cubicBezTo>
                    <a:pt x="3794082" y="1646634"/>
                    <a:pt x="3860128" y="1560909"/>
                    <a:pt x="3888688" y="1480542"/>
                  </a:cubicBezTo>
                  <a:cubicBezTo>
                    <a:pt x="3917249" y="1401068"/>
                    <a:pt x="3917249" y="1317129"/>
                    <a:pt x="3902969" y="1246584"/>
                  </a:cubicBezTo>
                  <a:lnTo>
                    <a:pt x="3892259" y="1247477"/>
                  </a:lnTo>
                  <a:cubicBezTo>
                    <a:pt x="3894043" y="1289447"/>
                    <a:pt x="3891366" y="1327845"/>
                    <a:pt x="3885118" y="1363563"/>
                  </a:cubicBezTo>
                  <a:lnTo>
                    <a:pt x="3726251" y="1281410"/>
                  </a:lnTo>
                  <a:cubicBezTo>
                    <a:pt x="3721788" y="1278731"/>
                    <a:pt x="3715540" y="1280517"/>
                    <a:pt x="3712863" y="1285875"/>
                  </a:cubicBezTo>
                  <a:cubicBezTo>
                    <a:pt x="3710185" y="1290340"/>
                    <a:pt x="3711971" y="1296591"/>
                    <a:pt x="3717325" y="1299270"/>
                  </a:cubicBezTo>
                  <a:lnTo>
                    <a:pt x="3881548" y="1383209"/>
                  </a:lnTo>
                  <a:cubicBezTo>
                    <a:pt x="3876193" y="1410891"/>
                    <a:pt x="3868161" y="1437680"/>
                    <a:pt x="3858343" y="1462683"/>
                  </a:cubicBezTo>
                  <a:lnTo>
                    <a:pt x="3677162" y="1369814"/>
                  </a:lnTo>
                  <a:cubicBezTo>
                    <a:pt x="3672700" y="1367135"/>
                    <a:pt x="3666452" y="1368921"/>
                    <a:pt x="3663775" y="1374279"/>
                  </a:cubicBezTo>
                  <a:cubicBezTo>
                    <a:pt x="3661097" y="1378744"/>
                    <a:pt x="3662882" y="1384995"/>
                    <a:pt x="3668237" y="1387674"/>
                  </a:cubicBezTo>
                  <a:lnTo>
                    <a:pt x="3850310" y="1480542"/>
                  </a:lnTo>
                  <a:cubicBezTo>
                    <a:pt x="3838708" y="1506438"/>
                    <a:pt x="3825320" y="1529655"/>
                    <a:pt x="3810147" y="1551980"/>
                  </a:cubicBezTo>
                  <a:lnTo>
                    <a:pt x="3614686" y="1451967"/>
                  </a:lnTo>
                  <a:cubicBezTo>
                    <a:pt x="3610224" y="1449288"/>
                    <a:pt x="3603976" y="1451074"/>
                    <a:pt x="3601299" y="1456432"/>
                  </a:cubicBezTo>
                  <a:cubicBezTo>
                    <a:pt x="3598621" y="1460897"/>
                    <a:pt x="3600406" y="1467148"/>
                    <a:pt x="3605761" y="1469827"/>
                  </a:cubicBezTo>
                  <a:lnTo>
                    <a:pt x="3798545" y="1568053"/>
                  </a:lnTo>
                  <a:cubicBezTo>
                    <a:pt x="3781587" y="1591270"/>
                    <a:pt x="3762844" y="1611809"/>
                    <a:pt x="3742316" y="1631454"/>
                  </a:cubicBezTo>
                  <a:lnTo>
                    <a:pt x="3535253" y="1525191"/>
                  </a:lnTo>
                  <a:cubicBezTo>
                    <a:pt x="3530790" y="1522512"/>
                    <a:pt x="3524542" y="1524298"/>
                    <a:pt x="3521865" y="1529655"/>
                  </a:cubicBezTo>
                  <a:cubicBezTo>
                    <a:pt x="3519187" y="1534120"/>
                    <a:pt x="3520972" y="1540371"/>
                    <a:pt x="3526328" y="1543050"/>
                  </a:cubicBezTo>
                  <a:lnTo>
                    <a:pt x="3728036" y="1645742"/>
                  </a:lnTo>
                  <a:cubicBezTo>
                    <a:pt x="3706615" y="1665387"/>
                    <a:pt x="3683410" y="1684139"/>
                    <a:pt x="3659312" y="1701998"/>
                  </a:cubicBezTo>
                  <a:lnTo>
                    <a:pt x="3229120" y="1478756"/>
                  </a:lnTo>
                  <a:cubicBezTo>
                    <a:pt x="3229120" y="1449288"/>
                    <a:pt x="3230012" y="1420713"/>
                    <a:pt x="3233582" y="1391245"/>
                  </a:cubicBezTo>
                  <a:lnTo>
                    <a:pt x="3357642" y="1454646"/>
                  </a:lnTo>
                  <a:cubicBezTo>
                    <a:pt x="3359427" y="1455539"/>
                    <a:pt x="3360319" y="1455539"/>
                    <a:pt x="3362105" y="1455539"/>
                  </a:cubicBezTo>
                  <a:cubicBezTo>
                    <a:pt x="3365675" y="1455539"/>
                    <a:pt x="3369245" y="1453753"/>
                    <a:pt x="3371030" y="1450181"/>
                  </a:cubicBezTo>
                  <a:cubicBezTo>
                    <a:pt x="3373707" y="1445716"/>
                    <a:pt x="3371922" y="1439466"/>
                    <a:pt x="3366567" y="1436787"/>
                  </a:cubicBezTo>
                  <a:lnTo>
                    <a:pt x="3237152" y="1370707"/>
                  </a:lnTo>
                  <a:cubicBezTo>
                    <a:pt x="3241615" y="1343025"/>
                    <a:pt x="3247863" y="1315343"/>
                    <a:pt x="3257680" y="1287661"/>
                  </a:cubicBezTo>
                  <a:lnTo>
                    <a:pt x="3431721" y="1376958"/>
                  </a:lnTo>
                  <a:cubicBezTo>
                    <a:pt x="3433506" y="1377851"/>
                    <a:pt x="3434398" y="1377851"/>
                    <a:pt x="3436183" y="1377851"/>
                  </a:cubicBezTo>
                  <a:cubicBezTo>
                    <a:pt x="3439754" y="1377851"/>
                    <a:pt x="3443323" y="1376065"/>
                    <a:pt x="3445108" y="1372493"/>
                  </a:cubicBezTo>
                  <a:cubicBezTo>
                    <a:pt x="3447786" y="1368028"/>
                    <a:pt x="3446001" y="1361777"/>
                    <a:pt x="3440646" y="1359099"/>
                  </a:cubicBezTo>
                  <a:lnTo>
                    <a:pt x="3263928" y="1269802"/>
                  </a:lnTo>
                  <a:cubicBezTo>
                    <a:pt x="3272853" y="1244799"/>
                    <a:pt x="3284456" y="1220688"/>
                    <a:pt x="3297843" y="1196578"/>
                  </a:cubicBezTo>
                  <a:lnTo>
                    <a:pt x="3496874" y="1297484"/>
                  </a:lnTo>
                  <a:cubicBezTo>
                    <a:pt x="3498659" y="1298377"/>
                    <a:pt x="3499552" y="1298377"/>
                    <a:pt x="3501337" y="1298377"/>
                  </a:cubicBezTo>
                  <a:cubicBezTo>
                    <a:pt x="3504907" y="1298377"/>
                    <a:pt x="3508477" y="1296591"/>
                    <a:pt x="3510262" y="1293019"/>
                  </a:cubicBezTo>
                  <a:cubicBezTo>
                    <a:pt x="3512940" y="1288554"/>
                    <a:pt x="3511155" y="1282303"/>
                    <a:pt x="3505799" y="1279624"/>
                  </a:cubicBezTo>
                  <a:lnTo>
                    <a:pt x="3307661" y="1179612"/>
                  </a:lnTo>
                  <a:cubicBezTo>
                    <a:pt x="3310339" y="1176040"/>
                    <a:pt x="3312124" y="1171575"/>
                    <a:pt x="3314801" y="1168003"/>
                  </a:cubicBezTo>
                  <a:cubicBezTo>
                    <a:pt x="3329081" y="1145679"/>
                    <a:pt x="3342469" y="1127820"/>
                    <a:pt x="3356750" y="1112639"/>
                  </a:cubicBezTo>
                  <a:lnTo>
                    <a:pt x="3551318" y="1212652"/>
                  </a:lnTo>
                  <a:cubicBezTo>
                    <a:pt x="3553103" y="1213545"/>
                    <a:pt x="3553995" y="1213545"/>
                    <a:pt x="3555780" y="1213545"/>
                  </a:cubicBezTo>
                  <a:cubicBezTo>
                    <a:pt x="3559350" y="1213545"/>
                    <a:pt x="3562920" y="1211759"/>
                    <a:pt x="3564706" y="1208187"/>
                  </a:cubicBezTo>
                  <a:cubicBezTo>
                    <a:pt x="3567383" y="1203722"/>
                    <a:pt x="3565598" y="1197471"/>
                    <a:pt x="3560243" y="1194792"/>
                  </a:cubicBezTo>
                  <a:lnTo>
                    <a:pt x="3371030" y="1097459"/>
                  </a:lnTo>
                  <a:cubicBezTo>
                    <a:pt x="3413870" y="1057275"/>
                    <a:pt x="3458496" y="1042987"/>
                    <a:pt x="3504907" y="1041202"/>
                  </a:cubicBezTo>
                  <a:lnTo>
                    <a:pt x="3487949" y="1030486"/>
                  </a:lnTo>
                  <a:cubicBezTo>
                    <a:pt x="3434398" y="1033165"/>
                    <a:pt x="3386203" y="1054596"/>
                    <a:pt x="3344254" y="1085850"/>
                  </a:cubicBezTo>
                  <a:cubicBezTo>
                    <a:pt x="3341577" y="1087636"/>
                    <a:pt x="3338899" y="1089422"/>
                    <a:pt x="3336221" y="1091208"/>
                  </a:cubicBezTo>
                  <a:cubicBezTo>
                    <a:pt x="3309446" y="1112639"/>
                    <a:pt x="3286241" y="1137642"/>
                    <a:pt x="3268391" y="1166217"/>
                  </a:cubicBezTo>
                  <a:cubicBezTo>
                    <a:pt x="3236260" y="1215331"/>
                    <a:pt x="3207700" y="1283196"/>
                    <a:pt x="3190742" y="1348383"/>
                  </a:cubicBezTo>
                  <a:cubicBezTo>
                    <a:pt x="3188956" y="1354634"/>
                    <a:pt x="3187172" y="1360884"/>
                    <a:pt x="3186279" y="1367135"/>
                  </a:cubicBezTo>
                  <a:cubicBezTo>
                    <a:pt x="3180031" y="1393031"/>
                    <a:pt x="3176462" y="1417142"/>
                    <a:pt x="3175569" y="1439466"/>
                  </a:cubicBezTo>
                  <a:cubicBezTo>
                    <a:pt x="3165751" y="1617166"/>
                    <a:pt x="3201452" y="1765399"/>
                    <a:pt x="3262143" y="1905595"/>
                  </a:cubicBezTo>
                  <a:cubicBezTo>
                    <a:pt x="3097027" y="1766292"/>
                    <a:pt x="2875684" y="1727895"/>
                    <a:pt x="2666835" y="1796653"/>
                  </a:cubicBezTo>
                  <a:lnTo>
                    <a:pt x="2625780" y="1808262"/>
                  </a:lnTo>
                  <a:cubicBezTo>
                    <a:pt x="2625780" y="1808262"/>
                    <a:pt x="2644522" y="1843087"/>
                    <a:pt x="2644522" y="1843087"/>
                  </a:cubicBezTo>
                  <a:cubicBezTo>
                    <a:pt x="2797143" y="2130624"/>
                    <a:pt x="3099705" y="2287786"/>
                    <a:pt x="3407623" y="2185095"/>
                  </a:cubicBezTo>
                  <a:cubicBezTo>
                    <a:pt x="3425473" y="2214563"/>
                    <a:pt x="3442431" y="2244923"/>
                    <a:pt x="3461174" y="2276177"/>
                  </a:cubicBezTo>
                  <a:cubicBezTo>
                    <a:pt x="3464744" y="2282428"/>
                    <a:pt x="3469206" y="2290465"/>
                    <a:pt x="3473669" y="2299395"/>
                  </a:cubicBezTo>
                  <a:cubicBezTo>
                    <a:pt x="2973861" y="2603004"/>
                    <a:pt x="2979215" y="3019127"/>
                    <a:pt x="3014024" y="3725466"/>
                  </a:cubicBezTo>
                  <a:cubicBezTo>
                    <a:pt x="2831058" y="3813870"/>
                    <a:pt x="2614177" y="3926383"/>
                    <a:pt x="2383908" y="4063008"/>
                  </a:cubicBezTo>
                  <a:cubicBezTo>
                    <a:pt x="2251816" y="3960317"/>
                    <a:pt x="2147392" y="3787081"/>
                    <a:pt x="2068850" y="3612059"/>
                  </a:cubicBezTo>
                  <a:cubicBezTo>
                    <a:pt x="2289301" y="3265587"/>
                    <a:pt x="2380338" y="2919115"/>
                    <a:pt x="2449954" y="2307431"/>
                  </a:cubicBezTo>
                  <a:cubicBezTo>
                    <a:pt x="2531173" y="1590377"/>
                    <a:pt x="2574014" y="1337667"/>
                    <a:pt x="2854263" y="1083171"/>
                  </a:cubicBezTo>
                  <a:cubicBezTo>
                    <a:pt x="2981893" y="967085"/>
                    <a:pt x="3234475" y="763488"/>
                    <a:pt x="3356750" y="660797"/>
                  </a:cubicBezTo>
                  <a:cubicBezTo>
                    <a:pt x="3481702" y="559891"/>
                    <a:pt x="3658420" y="376833"/>
                    <a:pt x="3761951" y="258068"/>
                  </a:cubicBezTo>
                  <a:lnTo>
                    <a:pt x="3705723" y="308074"/>
                  </a:lnTo>
                  <a:cubicBezTo>
                    <a:pt x="3592373" y="417016"/>
                    <a:pt x="3480809" y="513457"/>
                    <a:pt x="3355857" y="605433"/>
                  </a:cubicBezTo>
                  <a:cubicBezTo>
                    <a:pt x="3230012" y="700088"/>
                    <a:pt x="3084533" y="799207"/>
                    <a:pt x="2914062" y="926009"/>
                  </a:cubicBezTo>
                  <a:cubicBezTo>
                    <a:pt x="2894426" y="940296"/>
                    <a:pt x="2876576" y="954584"/>
                    <a:pt x="2858726" y="968871"/>
                  </a:cubicBezTo>
                  <a:cubicBezTo>
                    <a:pt x="2861404" y="964406"/>
                    <a:pt x="2864081" y="959941"/>
                    <a:pt x="2865866" y="955477"/>
                  </a:cubicBezTo>
                  <a:cubicBezTo>
                    <a:pt x="3001528" y="713482"/>
                    <a:pt x="2969398" y="423267"/>
                    <a:pt x="2804283" y="204490"/>
                  </a:cubicBezTo>
                  <a:lnTo>
                    <a:pt x="2780185" y="172343"/>
                  </a:lnTo>
                  <a:cubicBezTo>
                    <a:pt x="2780185" y="172343"/>
                    <a:pt x="2750732" y="203597"/>
                    <a:pt x="2750732" y="203597"/>
                  </a:cubicBezTo>
                  <a:cubicBezTo>
                    <a:pt x="2504398" y="469702"/>
                    <a:pt x="2452631" y="846534"/>
                    <a:pt x="2681116" y="1131392"/>
                  </a:cubicBezTo>
                  <a:cubicBezTo>
                    <a:pt x="2575799" y="1245691"/>
                    <a:pt x="2513323" y="1356420"/>
                    <a:pt x="2472267" y="1470720"/>
                  </a:cubicBezTo>
                  <a:cubicBezTo>
                    <a:pt x="2325895" y="1227832"/>
                    <a:pt x="2124186" y="1124248"/>
                    <a:pt x="1967996" y="936724"/>
                  </a:cubicBezTo>
                  <a:cubicBezTo>
                    <a:pt x="1984061" y="922437"/>
                    <a:pt x="2026902" y="884039"/>
                    <a:pt x="2056355" y="855464"/>
                  </a:cubicBezTo>
                  <a:cubicBezTo>
                    <a:pt x="2142929" y="770632"/>
                    <a:pt x="2211652" y="700088"/>
                    <a:pt x="2276806" y="595610"/>
                  </a:cubicBezTo>
                  <a:cubicBezTo>
                    <a:pt x="2322325" y="525959"/>
                    <a:pt x="2368735" y="425946"/>
                    <a:pt x="2374090" y="341114"/>
                  </a:cubicBezTo>
                  <a:cubicBezTo>
                    <a:pt x="2376768" y="305395"/>
                    <a:pt x="2374983" y="272355"/>
                    <a:pt x="2369628" y="240209"/>
                  </a:cubicBezTo>
                  <a:cubicBezTo>
                    <a:pt x="2368735" y="237530"/>
                    <a:pt x="2368735" y="233958"/>
                    <a:pt x="2367843" y="231279"/>
                  </a:cubicBezTo>
                  <a:cubicBezTo>
                    <a:pt x="2360703" y="191095"/>
                    <a:pt x="2349100" y="151805"/>
                    <a:pt x="2332142" y="110728"/>
                  </a:cubicBezTo>
                  <a:lnTo>
                    <a:pt x="2322325" y="114300"/>
                  </a:lnTo>
                  <a:cubicBezTo>
                    <a:pt x="2333035" y="150912"/>
                    <a:pt x="2339283" y="186630"/>
                    <a:pt x="2341960" y="219670"/>
                  </a:cubicBezTo>
                  <a:lnTo>
                    <a:pt x="2192018" y="165199"/>
                  </a:lnTo>
                  <a:cubicBezTo>
                    <a:pt x="2186662" y="163413"/>
                    <a:pt x="2181307" y="166092"/>
                    <a:pt x="2179522" y="170557"/>
                  </a:cubicBezTo>
                  <a:cubicBezTo>
                    <a:pt x="2177737" y="175915"/>
                    <a:pt x="2180414" y="181273"/>
                    <a:pt x="2184877" y="183059"/>
                  </a:cubicBezTo>
                  <a:lnTo>
                    <a:pt x="2342852" y="241102"/>
                  </a:lnTo>
                  <a:cubicBezTo>
                    <a:pt x="2344637" y="270570"/>
                    <a:pt x="2342852" y="299145"/>
                    <a:pt x="2339283" y="325934"/>
                  </a:cubicBezTo>
                  <a:lnTo>
                    <a:pt x="2185770" y="269677"/>
                  </a:lnTo>
                  <a:cubicBezTo>
                    <a:pt x="2180414" y="267891"/>
                    <a:pt x="2175060" y="270570"/>
                    <a:pt x="2173274" y="275034"/>
                  </a:cubicBezTo>
                  <a:cubicBezTo>
                    <a:pt x="2171489" y="280392"/>
                    <a:pt x="2174167" y="285750"/>
                    <a:pt x="2178630" y="287536"/>
                  </a:cubicBezTo>
                  <a:lnTo>
                    <a:pt x="2335712" y="344686"/>
                  </a:lnTo>
                  <a:cubicBezTo>
                    <a:pt x="2330357" y="372368"/>
                    <a:pt x="2323217" y="399157"/>
                    <a:pt x="2313399" y="424160"/>
                  </a:cubicBezTo>
                  <a:lnTo>
                    <a:pt x="2165242" y="369689"/>
                  </a:lnTo>
                  <a:cubicBezTo>
                    <a:pt x="2159887" y="367903"/>
                    <a:pt x="2154532" y="370582"/>
                    <a:pt x="2152747" y="375047"/>
                  </a:cubicBezTo>
                  <a:cubicBezTo>
                    <a:pt x="2150961" y="380405"/>
                    <a:pt x="2153639" y="385762"/>
                    <a:pt x="2158102" y="387548"/>
                  </a:cubicBezTo>
                  <a:lnTo>
                    <a:pt x="2306259" y="442020"/>
                  </a:lnTo>
                  <a:cubicBezTo>
                    <a:pt x="2295549" y="467916"/>
                    <a:pt x="2283054" y="492026"/>
                    <a:pt x="2268774" y="515243"/>
                  </a:cubicBezTo>
                  <a:lnTo>
                    <a:pt x="2130434" y="465237"/>
                  </a:lnTo>
                  <a:cubicBezTo>
                    <a:pt x="2125079" y="463451"/>
                    <a:pt x="2119723" y="466130"/>
                    <a:pt x="2117938" y="471487"/>
                  </a:cubicBezTo>
                  <a:cubicBezTo>
                    <a:pt x="2116154" y="476845"/>
                    <a:pt x="2118831" y="482203"/>
                    <a:pt x="2124186" y="483989"/>
                  </a:cubicBezTo>
                  <a:lnTo>
                    <a:pt x="2258956" y="532209"/>
                  </a:lnTo>
                  <a:cubicBezTo>
                    <a:pt x="2243783" y="556320"/>
                    <a:pt x="2226825" y="578644"/>
                    <a:pt x="2208975" y="600075"/>
                  </a:cubicBezTo>
                  <a:lnTo>
                    <a:pt x="1717199" y="419695"/>
                  </a:lnTo>
                  <a:cubicBezTo>
                    <a:pt x="1713629" y="391120"/>
                    <a:pt x="1711844" y="362545"/>
                    <a:pt x="1712737" y="333077"/>
                  </a:cubicBezTo>
                  <a:lnTo>
                    <a:pt x="1894809" y="399157"/>
                  </a:lnTo>
                  <a:cubicBezTo>
                    <a:pt x="1895702" y="399157"/>
                    <a:pt x="1896595" y="400050"/>
                    <a:pt x="1898380" y="400050"/>
                  </a:cubicBezTo>
                  <a:cubicBezTo>
                    <a:pt x="1901950" y="400050"/>
                    <a:pt x="1906413" y="397371"/>
                    <a:pt x="1907305" y="393799"/>
                  </a:cubicBezTo>
                  <a:cubicBezTo>
                    <a:pt x="1909090" y="388441"/>
                    <a:pt x="1906413" y="383084"/>
                    <a:pt x="1901950" y="381298"/>
                  </a:cubicBezTo>
                  <a:lnTo>
                    <a:pt x="1713629" y="313432"/>
                  </a:lnTo>
                  <a:cubicBezTo>
                    <a:pt x="1715414" y="285750"/>
                    <a:pt x="1718984" y="258068"/>
                    <a:pt x="1725232" y="229493"/>
                  </a:cubicBezTo>
                  <a:lnTo>
                    <a:pt x="1909982" y="297359"/>
                  </a:lnTo>
                  <a:cubicBezTo>
                    <a:pt x="1910875" y="297359"/>
                    <a:pt x="1911767" y="298252"/>
                    <a:pt x="1913553" y="298252"/>
                  </a:cubicBezTo>
                  <a:cubicBezTo>
                    <a:pt x="1917122" y="298252"/>
                    <a:pt x="1921585" y="295573"/>
                    <a:pt x="1922478" y="292001"/>
                  </a:cubicBezTo>
                  <a:cubicBezTo>
                    <a:pt x="1924263" y="286643"/>
                    <a:pt x="1921585" y="281285"/>
                    <a:pt x="1917122" y="279499"/>
                  </a:cubicBezTo>
                  <a:lnTo>
                    <a:pt x="1730587" y="210741"/>
                  </a:lnTo>
                  <a:cubicBezTo>
                    <a:pt x="1733264" y="199132"/>
                    <a:pt x="1736835" y="187523"/>
                    <a:pt x="1740404" y="175022"/>
                  </a:cubicBezTo>
                  <a:cubicBezTo>
                    <a:pt x="1745760" y="159841"/>
                    <a:pt x="1751115" y="145554"/>
                    <a:pt x="1757362" y="133052"/>
                  </a:cubicBezTo>
                  <a:lnTo>
                    <a:pt x="1951931" y="203597"/>
                  </a:lnTo>
                  <a:cubicBezTo>
                    <a:pt x="1952823" y="203597"/>
                    <a:pt x="1953716" y="204490"/>
                    <a:pt x="1955501" y="204490"/>
                  </a:cubicBezTo>
                  <a:cubicBezTo>
                    <a:pt x="1959071" y="204490"/>
                    <a:pt x="1963533" y="201811"/>
                    <a:pt x="1964426" y="198239"/>
                  </a:cubicBezTo>
                  <a:cubicBezTo>
                    <a:pt x="1966211" y="192881"/>
                    <a:pt x="1963533" y="187523"/>
                    <a:pt x="1959071" y="185737"/>
                  </a:cubicBezTo>
                  <a:lnTo>
                    <a:pt x="1767180" y="115193"/>
                  </a:lnTo>
                  <a:cubicBezTo>
                    <a:pt x="1782353" y="85725"/>
                    <a:pt x="1800203" y="63401"/>
                    <a:pt x="1819839" y="46434"/>
                  </a:cubicBezTo>
                  <a:cubicBezTo>
                    <a:pt x="1820731" y="47327"/>
                    <a:pt x="1821624" y="47327"/>
                    <a:pt x="1822516" y="48220"/>
                  </a:cubicBezTo>
                  <a:lnTo>
                    <a:pt x="1999234" y="112514"/>
                  </a:lnTo>
                  <a:cubicBezTo>
                    <a:pt x="2000127" y="112514"/>
                    <a:pt x="2001019" y="113407"/>
                    <a:pt x="2002804" y="113407"/>
                  </a:cubicBezTo>
                  <a:cubicBezTo>
                    <a:pt x="2006374" y="113407"/>
                    <a:pt x="2010836" y="110728"/>
                    <a:pt x="2011729" y="107156"/>
                  </a:cubicBezTo>
                  <a:cubicBezTo>
                    <a:pt x="2013514" y="101798"/>
                    <a:pt x="2010836" y="96441"/>
                    <a:pt x="2006374" y="94655"/>
                  </a:cubicBezTo>
                  <a:lnTo>
                    <a:pt x="1837689" y="33040"/>
                  </a:lnTo>
                  <a:cubicBezTo>
                    <a:pt x="1856431" y="20538"/>
                    <a:pt x="1876067" y="12502"/>
                    <a:pt x="1897487" y="6251"/>
                  </a:cubicBezTo>
                  <a:lnTo>
                    <a:pt x="1878744" y="0"/>
                  </a:lnTo>
                  <a:cubicBezTo>
                    <a:pt x="1791278" y="26789"/>
                    <a:pt x="1727910" y="100905"/>
                    <a:pt x="1697564" y="183952"/>
                  </a:cubicBezTo>
                  <a:cubicBezTo>
                    <a:pt x="1668111" y="266105"/>
                    <a:pt x="1657401" y="380405"/>
                    <a:pt x="1672574" y="470595"/>
                  </a:cubicBezTo>
                  <a:cubicBezTo>
                    <a:pt x="1728802" y="800100"/>
                    <a:pt x="1927833" y="985838"/>
                    <a:pt x="2150069" y="1214437"/>
                  </a:cubicBezTo>
                  <a:cubicBezTo>
                    <a:pt x="2248246" y="1320701"/>
                    <a:pt x="2391941" y="1452860"/>
                    <a:pt x="2434781" y="1596628"/>
                  </a:cubicBezTo>
                  <a:cubicBezTo>
                    <a:pt x="2424964" y="1634133"/>
                    <a:pt x="2416931" y="1673423"/>
                    <a:pt x="2409791" y="1712714"/>
                  </a:cubicBezTo>
                  <a:cubicBezTo>
                    <a:pt x="2363380" y="1948458"/>
                    <a:pt x="2340175" y="2121694"/>
                    <a:pt x="2314292" y="2359224"/>
                  </a:cubicBezTo>
                  <a:cubicBezTo>
                    <a:pt x="2270559" y="2761953"/>
                    <a:pt x="2143821" y="3103959"/>
                    <a:pt x="1964426" y="3329880"/>
                  </a:cubicBezTo>
                  <a:cubicBezTo>
                    <a:pt x="1924263" y="3208437"/>
                    <a:pt x="1899272" y="3110210"/>
                    <a:pt x="1886777" y="3067348"/>
                  </a:cubicBezTo>
                  <a:cubicBezTo>
                    <a:pt x="1835904" y="2888754"/>
                    <a:pt x="1764503" y="2603897"/>
                    <a:pt x="1687746" y="2434233"/>
                  </a:cubicBezTo>
                  <a:cubicBezTo>
                    <a:pt x="1600280" y="2243138"/>
                    <a:pt x="1456585" y="2112764"/>
                    <a:pt x="1273619" y="2027932"/>
                  </a:cubicBezTo>
                  <a:cubicBezTo>
                    <a:pt x="1206681" y="1996678"/>
                    <a:pt x="1139742" y="1972568"/>
                    <a:pt x="1073696" y="1951137"/>
                  </a:cubicBezTo>
                  <a:cubicBezTo>
                    <a:pt x="1063878" y="1947565"/>
                    <a:pt x="1053168" y="1944886"/>
                    <a:pt x="1043350" y="1941314"/>
                  </a:cubicBezTo>
                  <a:cubicBezTo>
                    <a:pt x="1010327" y="1931492"/>
                    <a:pt x="978197" y="1922562"/>
                    <a:pt x="945174" y="1913632"/>
                  </a:cubicBezTo>
                  <a:cubicBezTo>
                    <a:pt x="940711" y="1912739"/>
                    <a:pt x="936249" y="1910953"/>
                    <a:pt x="932678" y="1910060"/>
                  </a:cubicBezTo>
                  <a:cubicBezTo>
                    <a:pt x="891623" y="1899345"/>
                    <a:pt x="849675" y="1889522"/>
                    <a:pt x="808619" y="1878806"/>
                  </a:cubicBezTo>
                  <a:cubicBezTo>
                    <a:pt x="810404" y="1855589"/>
                    <a:pt x="814866" y="1801118"/>
                    <a:pt x="816651" y="1762720"/>
                  </a:cubicBezTo>
                  <a:cubicBezTo>
                    <a:pt x="819329" y="1691283"/>
                    <a:pt x="820222" y="1627882"/>
                    <a:pt x="816651" y="1563588"/>
                  </a:cubicBezTo>
                  <a:cubicBezTo>
                    <a:pt x="816651" y="1563588"/>
                    <a:pt x="816651" y="1562695"/>
                    <a:pt x="816651" y="1562695"/>
                  </a:cubicBezTo>
                  <a:cubicBezTo>
                    <a:pt x="813974" y="1518047"/>
                    <a:pt x="807726" y="1472506"/>
                    <a:pt x="797909" y="1422499"/>
                  </a:cubicBezTo>
                  <a:cubicBezTo>
                    <a:pt x="788091" y="1370707"/>
                    <a:pt x="770241" y="1311771"/>
                    <a:pt x="745250" y="1258193"/>
                  </a:cubicBezTo>
                  <a:cubicBezTo>
                    <a:pt x="743465" y="1254621"/>
                    <a:pt x="741680" y="1251049"/>
                    <a:pt x="739895" y="1247477"/>
                  </a:cubicBezTo>
                  <a:cubicBezTo>
                    <a:pt x="726508" y="1219795"/>
                    <a:pt x="710442" y="1193899"/>
                    <a:pt x="693484" y="1171575"/>
                  </a:cubicBezTo>
                  <a:cubicBezTo>
                    <a:pt x="641719" y="1104602"/>
                    <a:pt x="577457" y="1071562"/>
                    <a:pt x="504271" y="1033165"/>
                  </a:cubicBezTo>
                  <a:lnTo>
                    <a:pt x="498916" y="1042987"/>
                  </a:lnTo>
                  <a:cubicBezTo>
                    <a:pt x="530154" y="1061740"/>
                    <a:pt x="557822" y="1081385"/>
                    <a:pt x="581920" y="1101924"/>
                  </a:cubicBezTo>
                  <a:lnTo>
                    <a:pt x="355221" y="1228725"/>
                  </a:lnTo>
                  <a:cubicBezTo>
                    <a:pt x="350759" y="1231404"/>
                    <a:pt x="348973" y="1237655"/>
                    <a:pt x="351651" y="1242120"/>
                  </a:cubicBezTo>
                  <a:cubicBezTo>
                    <a:pt x="353436" y="1244799"/>
                    <a:pt x="357006" y="1246584"/>
                    <a:pt x="359684" y="1246584"/>
                  </a:cubicBezTo>
                  <a:cubicBezTo>
                    <a:pt x="361469" y="1246584"/>
                    <a:pt x="363254" y="1246584"/>
                    <a:pt x="364146" y="1245691"/>
                  </a:cubicBezTo>
                  <a:lnTo>
                    <a:pt x="592630" y="1117997"/>
                  </a:lnTo>
                  <a:cubicBezTo>
                    <a:pt x="593523" y="1117104"/>
                    <a:pt x="595308" y="1116211"/>
                    <a:pt x="596200" y="1115318"/>
                  </a:cubicBezTo>
                  <a:cubicBezTo>
                    <a:pt x="617621" y="1134963"/>
                    <a:pt x="635471" y="1155502"/>
                    <a:pt x="651536" y="1176040"/>
                  </a:cubicBezTo>
                  <a:lnTo>
                    <a:pt x="407880" y="1317129"/>
                  </a:lnTo>
                  <a:cubicBezTo>
                    <a:pt x="403417" y="1319808"/>
                    <a:pt x="401632" y="1326059"/>
                    <a:pt x="404310" y="1330523"/>
                  </a:cubicBezTo>
                  <a:cubicBezTo>
                    <a:pt x="406094" y="1333202"/>
                    <a:pt x="409665" y="1334988"/>
                    <a:pt x="412342" y="1334988"/>
                  </a:cubicBezTo>
                  <a:cubicBezTo>
                    <a:pt x="414127" y="1334988"/>
                    <a:pt x="415912" y="1334988"/>
                    <a:pt x="416805" y="1334095"/>
                  </a:cubicBezTo>
                  <a:lnTo>
                    <a:pt x="660461" y="1195685"/>
                  </a:lnTo>
                  <a:cubicBezTo>
                    <a:pt x="676527" y="1218902"/>
                    <a:pt x="689914" y="1243013"/>
                    <a:pt x="700624" y="1267123"/>
                  </a:cubicBezTo>
                  <a:lnTo>
                    <a:pt x="479281" y="1393031"/>
                  </a:lnTo>
                  <a:cubicBezTo>
                    <a:pt x="474818" y="1395710"/>
                    <a:pt x="473033" y="1401961"/>
                    <a:pt x="475711" y="1406426"/>
                  </a:cubicBezTo>
                  <a:cubicBezTo>
                    <a:pt x="477496" y="1409105"/>
                    <a:pt x="481066" y="1410891"/>
                    <a:pt x="483743" y="1410891"/>
                  </a:cubicBezTo>
                  <a:cubicBezTo>
                    <a:pt x="485528" y="1410891"/>
                    <a:pt x="487313" y="1410891"/>
                    <a:pt x="488206" y="1409998"/>
                  </a:cubicBezTo>
                  <a:lnTo>
                    <a:pt x="707765" y="1284982"/>
                  </a:lnTo>
                  <a:cubicBezTo>
                    <a:pt x="718475" y="1310878"/>
                    <a:pt x="726508" y="1338560"/>
                    <a:pt x="732755" y="1365349"/>
                  </a:cubicBezTo>
                  <a:lnTo>
                    <a:pt x="218666" y="1657350"/>
                  </a:lnTo>
                  <a:cubicBezTo>
                    <a:pt x="197246" y="1638598"/>
                    <a:pt x="177611" y="1618952"/>
                    <a:pt x="158868" y="1596628"/>
                  </a:cubicBezTo>
                  <a:lnTo>
                    <a:pt x="265970" y="1535906"/>
                  </a:lnTo>
                  <a:cubicBezTo>
                    <a:pt x="270432" y="1533227"/>
                    <a:pt x="272217" y="1526977"/>
                    <a:pt x="269540" y="1522512"/>
                  </a:cubicBezTo>
                  <a:cubicBezTo>
                    <a:pt x="266862" y="1518047"/>
                    <a:pt x="260615" y="1516261"/>
                    <a:pt x="256152" y="1518940"/>
                  </a:cubicBezTo>
                  <a:lnTo>
                    <a:pt x="146373" y="1581448"/>
                  </a:lnTo>
                  <a:cubicBezTo>
                    <a:pt x="129415" y="1560017"/>
                    <a:pt x="114242" y="1536799"/>
                    <a:pt x="99962" y="1513582"/>
                  </a:cubicBezTo>
                  <a:lnTo>
                    <a:pt x="200816" y="1456432"/>
                  </a:lnTo>
                  <a:cubicBezTo>
                    <a:pt x="205278" y="1453753"/>
                    <a:pt x="207064" y="1447502"/>
                    <a:pt x="204386" y="1443038"/>
                  </a:cubicBezTo>
                  <a:cubicBezTo>
                    <a:pt x="201708" y="1438573"/>
                    <a:pt x="195461" y="1436787"/>
                    <a:pt x="190998" y="1439466"/>
                  </a:cubicBezTo>
                  <a:lnTo>
                    <a:pt x="90144" y="1496616"/>
                  </a:lnTo>
                  <a:cubicBezTo>
                    <a:pt x="76756" y="1472506"/>
                    <a:pt x="65154" y="1448395"/>
                    <a:pt x="55336" y="1423392"/>
                  </a:cubicBezTo>
                  <a:lnTo>
                    <a:pt x="155298" y="1366242"/>
                  </a:lnTo>
                  <a:cubicBezTo>
                    <a:pt x="159760" y="1363563"/>
                    <a:pt x="161545" y="1357312"/>
                    <a:pt x="158868" y="1352848"/>
                  </a:cubicBezTo>
                  <a:cubicBezTo>
                    <a:pt x="156190" y="1348383"/>
                    <a:pt x="149943" y="1346597"/>
                    <a:pt x="145480" y="1349276"/>
                  </a:cubicBezTo>
                  <a:lnTo>
                    <a:pt x="48196" y="1404640"/>
                  </a:lnTo>
                  <a:cubicBezTo>
                    <a:pt x="30346" y="1356420"/>
                    <a:pt x="19635" y="1306413"/>
                    <a:pt x="15173" y="1259086"/>
                  </a:cubicBezTo>
                  <a:lnTo>
                    <a:pt x="0" y="1267123"/>
                  </a:lnTo>
                  <a:cubicBezTo>
                    <a:pt x="12495" y="1486793"/>
                    <a:pt x="106210" y="1651099"/>
                    <a:pt x="267755" y="1760041"/>
                  </a:cubicBezTo>
                  <a:cubicBezTo>
                    <a:pt x="267755" y="1760041"/>
                    <a:pt x="267755" y="1760041"/>
                    <a:pt x="267755" y="1760041"/>
                  </a:cubicBezTo>
                  <a:cubicBezTo>
                    <a:pt x="329338" y="1801118"/>
                    <a:pt x="399847" y="1835051"/>
                    <a:pt x="480173" y="1860054"/>
                  </a:cubicBezTo>
                  <a:cubicBezTo>
                    <a:pt x="743465" y="1942207"/>
                    <a:pt x="920183" y="1993106"/>
                    <a:pt x="1091546" y="2050256"/>
                  </a:cubicBezTo>
                  <a:cubicBezTo>
                    <a:pt x="1248629" y="2102941"/>
                    <a:pt x="1375366" y="2192238"/>
                    <a:pt x="1468187" y="2303859"/>
                  </a:cubicBezTo>
                  <a:lnTo>
                    <a:pt x="1400356" y="2350294"/>
                  </a:lnTo>
                  <a:cubicBezTo>
                    <a:pt x="1395894" y="2352973"/>
                    <a:pt x="1395001" y="2359224"/>
                    <a:pt x="1397679" y="2363688"/>
                  </a:cubicBezTo>
                  <a:cubicBezTo>
                    <a:pt x="1399464" y="2366367"/>
                    <a:pt x="1402142" y="2368153"/>
                    <a:pt x="1405711" y="2368153"/>
                  </a:cubicBezTo>
                  <a:cubicBezTo>
                    <a:pt x="1407496" y="2368153"/>
                    <a:pt x="1409282" y="2367260"/>
                    <a:pt x="1411067" y="2366367"/>
                  </a:cubicBezTo>
                  <a:lnTo>
                    <a:pt x="1480683" y="2319040"/>
                  </a:lnTo>
                  <a:cubicBezTo>
                    <a:pt x="1497640" y="2340471"/>
                    <a:pt x="1512813" y="2361902"/>
                    <a:pt x="1527094" y="2385120"/>
                  </a:cubicBezTo>
                  <a:lnTo>
                    <a:pt x="1461047" y="2430661"/>
                  </a:lnTo>
                  <a:cubicBezTo>
                    <a:pt x="1456585" y="2433340"/>
                    <a:pt x="1455693" y="2439591"/>
                    <a:pt x="1458370" y="2444056"/>
                  </a:cubicBezTo>
                  <a:cubicBezTo>
                    <a:pt x="1460155" y="2446734"/>
                    <a:pt x="1462833" y="2448520"/>
                    <a:pt x="1466402" y="2448520"/>
                  </a:cubicBezTo>
                  <a:cubicBezTo>
                    <a:pt x="1468187" y="2448520"/>
                    <a:pt x="1469973" y="2447627"/>
                    <a:pt x="1471758" y="2446734"/>
                  </a:cubicBezTo>
                  <a:lnTo>
                    <a:pt x="1536911" y="2401193"/>
                  </a:lnTo>
                  <a:cubicBezTo>
                    <a:pt x="1551191" y="2425303"/>
                    <a:pt x="1563687" y="2449414"/>
                    <a:pt x="1575289" y="2474417"/>
                  </a:cubicBezTo>
                  <a:lnTo>
                    <a:pt x="1532449" y="2503884"/>
                  </a:lnTo>
                  <a:cubicBezTo>
                    <a:pt x="1527986" y="2506563"/>
                    <a:pt x="1527094" y="2512814"/>
                    <a:pt x="1529771" y="2517279"/>
                  </a:cubicBezTo>
                  <a:cubicBezTo>
                    <a:pt x="1531556" y="2519958"/>
                    <a:pt x="1534234" y="2521744"/>
                    <a:pt x="1537803" y="2521744"/>
                  </a:cubicBezTo>
                  <a:cubicBezTo>
                    <a:pt x="1539589" y="2521744"/>
                    <a:pt x="1541374" y="2520851"/>
                    <a:pt x="1543159" y="2519958"/>
                  </a:cubicBezTo>
                  <a:lnTo>
                    <a:pt x="1583322" y="2492276"/>
                  </a:lnTo>
                  <a:cubicBezTo>
                    <a:pt x="1593140" y="2515493"/>
                    <a:pt x="1602957" y="2542282"/>
                    <a:pt x="1613667" y="2571750"/>
                  </a:cubicBezTo>
                  <a:lnTo>
                    <a:pt x="1353053" y="2753023"/>
                  </a:lnTo>
                  <a:cubicBezTo>
                    <a:pt x="1324493" y="2741414"/>
                    <a:pt x="1296824" y="2727127"/>
                    <a:pt x="1270942" y="2710160"/>
                  </a:cubicBezTo>
                  <a:lnTo>
                    <a:pt x="1396786" y="2623542"/>
                  </a:lnTo>
                  <a:cubicBezTo>
                    <a:pt x="1401249" y="2620863"/>
                    <a:pt x="1402142" y="2614613"/>
                    <a:pt x="1399464" y="2610148"/>
                  </a:cubicBezTo>
                  <a:cubicBezTo>
                    <a:pt x="1396786" y="2605683"/>
                    <a:pt x="1390538" y="2604790"/>
                    <a:pt x="1386076" y="2607469"/>
                  </a:cubicBezTo>
                  <a:lnTo>
                    <a:pt x="1253984" y="2698552"/>
                  </a:lnTo>
                  <a:cubicBezTo>
                    <a:pt x="1230779" y="2682478"/>
                    <a:pt x="1208466" y="2664619"/>
                    <a:pt x="1187938" y="2644081"/>
                  </a:cubicBezTo>
                  <a:lnTo>
                    <a:pt x="1309320" y="2560142"/>
                  </a:lnTo>
                  <a:cubicBezTo>
                    <a:pt x="1313782" y="2557463"/>
                    <a:pt x="1314675" y="2551212"/>
                    <a:pt x="1311997" y="2546747"/>
                  </a:cubicBezTo>
                  <a:cubicBezTo>
                    <a:pt x="1309320" y="2542282"/>
                    <a:pt x="1303072" y="2541389"/>
                    <a:pt x="1298610" y="2544068"/>
                  </a:cubicBezTo>
                  <a:lnTo>
                    <a:pt x="1174550" y="2629793"/>
                  </a:lnTo>
                  <a:cubicBezTo>
                    <a:pt x="1156700" y="2611041"/>
                    <a:pt x="1139742" y="2589609"/>
                    <a:pt x="1124569" y="2566392"/>
                  </a:cubicBezTo>
                  <a:lnTo>
                    <a:pt x="1244166" y="2483346"/>
                  </a:lnTo>
                  <a:cubicBezTo>
                    <a:pt x="1248629" y="2480667"/>
                    <a:pt x="1249521" y="2474417"/>
                    <a:pt x="1246844" y="2469952"/>
                  </a:cubicBezTo>
                  <a:cubicBezTo>
                    <a:pt x="1244166" y="2465487"/>
                    <a:pt x="1237919" y="2464594"/>
                    <a:pt x="1233456" y="2467273"/>
                  </a:cubicBezTo>
                  <a:lnTo>
                    <a:pt x="1114752" y="2549426"/>
                  </a:lnTo>
                  <a:cubicBezTo>
                    <a:pt x="1094224" y="2515493"/>
                    <a:pt x="1076374" y="2477095"/>
                    <a:pt x="1062093" y="2434233"/>
                  </a:cubicBezTo>
                  <a:lnTo>
                    <a:pt x="1051383" y="2436912"/>
                  </a:lnTo>
                  <a:cubicBezTo>
                    <a:pt x="1072803" y="2516386"/>
                    <a:pt x="1091546" y="2586931"/>
                    <a:pt x="1145990" y="2651224"/>
                  </a:cubicBezTo>
                  <a:cubicBezTo>
                    <a:pt x="1200433" y="2716411"/>
                    <a:pt x="1292362" y="2774454"/>
                    <a:pt x="1369118" y="2807494"/>
                  </a:cubicBezTo>
                  <a:cubicBezTo>
                    <a:pt x="1375366" y="2810173"/>
                    <a:pt x="1381613" y="2812852"/>
                    <a:pt x="1387861" y="2815531"/>
                  </a:cubicBezTo>
                  <a:cubicBezTo>
                    <a:pt x="1141527" y="2844106"/>
                    <a:pt x="943389" y="3016449"/>
                    <a:pt x="869310" y="3250406"/>
                  </a:cubicBezTo>
                  <a:lnTo>
                    <a:pt x="861277" y="3287018"/>
                  </a:lnTo>
                  <a:cubicBezTo>
                    <a:pt x="861277" y="3287018"/>
                    <a:pt x="899655" y="3292376"/>
                    <a:pt x="899655" y="3292376"/>
                  </a:cubicBezTo>
                  <a:cubicBezTo>
                    <a:pt x="1215606" y="3333453"/>
                    <a:pt x="1512813" y="3184327"/>
                    <a:pt x="1610990" y="2883396"/>
                  </a:cubicBezTo>
                  <a:cubicBezTo>
                    <a:pt x="1638658" y="2888754"/>
                    <a:pt x="1667218" y="2894112"/>
                    <a:pt x="1696672" y="2899470"/>
                  </a:cubicBezTo>
                  <a:cubicBezTo>
                    <a:pt x="1702026" y="2900363"/>
                    <a:pt x="1707381" y="2901255"/>
                    <a:pt x="1712737" y="2902148"/>
                  </a:cubicBezTo>
                  <a:cubicBezTo>
                    <a:pt x="1748437" y="3034308"/>
                    <a:pt x="1778783" y="3162895"/>
                    <a:pt x="1796633" y="3242370"/>
                  </a:cubicBezTo>
                  <a:cubicBezTo>
                    <a:pt x="1904627" y="3729038"/>
                    <a:pt x="1994771" y="4055864"/>
                    <a:pt x="2117046" y="4227314"/>
                  </a:cubicBezTo>
                  <a:cubicBezTo>
                    <a:pt x="2101873" y="4237137"/>
                    <a:pt x="2085808" y="4247852"/>
                    <a:pt x="2070635" y="4257675"/>
                  </a:cubicBezTo>
                  <a:cubicBezTo>
                    <a:pt x="1452122" y="4668441"/>
                    <a:pt x="1237919" y="4940796"/>
                    <a:pt x="1077266" y="5352455"/>
                  </a:cubicBezTo>
                  <a:lnTo>
                    <a:pt x="2117938" y="5671245"/>
                  </a:lnTo>
                  <a:cubicBezTo>
                    <a:pt x="2091163" y="5593556"/>
                    <a:pt x="2081345" y="5473899"/>
                    <a:pt x="2066173" y="5336381"/>
                  </a:cubicBezTo>
                  <a:cubicBezTo>
                    <a:pt x="2034042" y="5045274"/>
                    <a:pt x="2085808" y="4769346"/>
                    <a:pt x="2516893" y="4365724"/>
                  </a:cubicBezTo>
                  <a:cubicBezTo>
                    <a:pt x="2876576" y="4029075"/>
                    <a:pt x="3839600" y="3582591"/>
                    <a:pt x="4168046" y="3387031"/>
                  </a:cubicBezTo>
                  <a:cubicBezTo>
                    <a:pt x="4248372" y="3339703"/>
                    <a:pt x="4316204" y="3292376"/>
                    <a:pt x="4376002" y="3244156"/>
                  </a:cubicBezTo>
                  <a:cubicBezTo>
                    <a:pt x="4382249" y="3282553"/>
                    <a:pt x="4391175" y="3320058"/>
                    <a:pt x="4400992" y="3356670"/>
                  </a:cubicBezTo>
                  <a:cubicBezTo>
                    <a:pt x="4469716" y="3605808"/>
                    <a:pt x="4672317" y="3776365"/>
                    <a:pt x="4924006" y="3812084"/>
                  </a:cubicBezTo>
                  <a:lnTo>
                    <a:pt x="4969524" y="3819228"/>
                  </a:lnTo>
                  <a:cubicBezTo>
                    <a:pt x="4969524" y="3819228"/>
                    <a:pt x="4968632" y="3779044"/>
                    <a:pt x="4968632" y="3779044"/>
                  </a:cubicBezTo>
                  <a:cubicBezTo>
                    <a:pt x="4958814" y="3471863"/>
                    <a:pt x="4782989" y="3208437"/>
                    <a:pt x="4496491" y="3134320"/>
                  </a:cubicBezTo>
                  <a:cubicBezTo>
                    <a:pt x="4547365" y="3081635"/>
                    <a:pt x="4591990" y="3027164"/>
                    <a:pt x="4634831" y="2969121"/>
                  </a:cubicBezTo>
                  <a:cubicBezTo>
                    <a:pt x="4684812" y="2903042"/>
                    <a:pt x="4728545" y="2831604"/>
                    <a:pt x="4770493" y="2758380"/>
                  </a:cubicBezTo>
                  <a:close/>
                  <a:moveTo>
                    <a:pt x="3230012" y="1501081"/>
                  </a:moveTo>
                  <a:lnTo>
                    <a:pt x="3643247" y="1712714"/>
                  </a:lnTo>
                  <a:cubicBezTo>
                    <a:pt x="3617364" y="1730574"/>
                    <a:pt x="3590588" y="1747540"/>
                    <a:pt x="3564706" y="1763613"/>
                  </a:cubicBezTo>
                  <a:lnTo>
                    <a:pt x="3356750" y="1657350"/>
                  </a:lnTo>
                  <a:cubicBezTo>
                    <a:pt x="3352287" y="1654671"/>
                    <a:pt x="3346039" y="1656457"/>
                    <a:pt x="3343362" y="1661815"/>
                  </a:cubicBezTo>
                  <a:cubicBezTo>
                    <a:pt x="3340684" y="1666280"/>
                    <a:pt x="3342469" y="1672531"/>
                    <a:pt x="3347825" y="1675209"/>
                  </a:cubicBezTo>
                  <a:lnTo>
                    <a:pt x="3544178" y="1776115"/>
                  </a:lnTo>
                  <a:cubicBezTo>
                    <a:pt x="3525435" y="1787724"/>
                    <a:pt x="3505799" y="1798439"/>
                    <a:pt x="3487949" y="1809155"/>
                  </a:cubicBezTo>
                  <a:cubicBezTo>
                    <a:pt x="3433506" y="1841302"/>
                    <a:pt x="3353179" y="1878806"/>
                    <a:pt x="3322834" y="1892201"/>
                  </a:cubicBezTo>
                  <a:cubicBezTo>
                    <a:pt x="3321049" y="1888629"/>
                    <a:pt x="3319264" y="1884164"/>
                    <a:pt x="3318371" y="1880592"/>
                  </a:cubicBezTo>
                  <a:cubicBezTo>
                    <a:pt x="3275531" y="1766292"/>
                    <a:pt x="3235367" y="1634133"/>
                    <a:pt x="3230012" y="1501081"/>
                  </a:cubicBezTo>
                  <a:close/>
                  <a:moveTo>
                    <a:pt x="2717709" y="1846660"/>
                  </a:moveTo>
                  <a:cubicBezTo>
                    <a:pt x="2936375" y="1776115"/>
                    <a:pt x="3134513" y="1828800"/>
                    <a:pt x="3288918" y="1964531"/>
                  </a:cubicBezTo>
                  <a:cubicBezTo>
                    <a:pt x="3321941" y="2034183"/>
                    <a:pt x="3361212" y="2102941"/>
                    <a:pt x="3402268" y="2174379"/>
                  </a:cubicBezTo>
                  <a:cubicBezTo>
                    <a:pt x="3106845" y="2243138"/>
                    <a:pt x="2860511" y="2112764"/>
                    <a:pt x="2717709" y="1846660"/>
                  </a:cubicBezTo>
                  <a:close/>
                  <a:moveTo>
                    <a:pt x="2772152" y="281285"/>
                  </a:moveTo>
                  <a:cubicBezTo>
                    <a:pt x="2946193" y="511671"/>
                    <a:pt x="2942622" y="773311"/>
                    <a:pt x="2812316" y="1006376"/>
                  </a:cubicBezTo>
                  <a:cubicBezTo>
                    <a:pt x="2765012" y="1046559"/>
                    <a:pt x="2723956" y="1084957"/>
                    <a:pt x="2688256" y="1124248"/>
                  </a:cubicBezTo>
                  <a:cubicBezTo>
                    <a:pt x="2499935" y="838498"/>
                    <a:pt x="2543668" y="529530"/>
                    <a:pt x="2772152" y="281285"/>
                  </a:cubicBezTo>
                  <a:close/>
                  <a:moveTo>
                    <a:pt x="1721662" y="442913"/>
                  </a:moveTo>
                  <a:lnTo>
                    <a:pt x="2196480" y="617041"/>
                  </a:lnTo>
                  <a:cubicBezTo>
                    <a:pt x="2176845" y="640259"/>
                    <a:pt x="2157209" y="661690"/>
                    <a:pt x="2136681" y="683121"/>
                  </a:cubicBezTo>
                  <a:lnTo>
                    <a:pt x="1743975" y="539353"/>
                  </a:lnTo>
                  <a:cubicBezTo>
                    <a:pt x="1735050" y="508099"/>
                    <a:pt x="1727017" y="475952"/>
                    <a:pt x="1721662" y="442913"/>
                  </a:cubicBezTo>
                  <a:close/>
                  <a:moveTo>
                    <a:pt x="1916230" y="867966"/>
                  </a:moveTo>
                  <a:cubicBezTo>
                    <a:pt x="1854646" y="778669"/>
                    <a:pt x="1792170" y="675084"/>
                    <a:pt x="1752900" y="562570"/>
                  </a:cubicBezTo>
                  <a:lnTo>
                    <a:pt x="2122401" y="697409"/>
                  </a:lnTo>
                  <a:cubicBezTo>
                    <a:pt x="2102766" y="717947"/>
                    <a:pt x="2082238" y="737592"/>
                    <a:pt x="2063495" y="757237"/>
                  </a:cubicBezTo>
                  <a:cubicBezTo>
                    <a:pt x="2061710" y="759023"/>
                    <a:pt x="2059925" y="760809"/>
                    <a:pt x="2058140" y="762595"/>
                  </a:cubicBezTo>
                  <a:lnTo>
                    <a:pt x="1918015" y="710803"/>
                  </a:lnTo>
                  <a:cubicBezTo>
                    <a:pt x="1912660" y="709017"/>
                    <a:pt x="1907305" y="711696"/>
                    <a:pt x="1905520" y="716161"/>
                  </a:cubicBezTo>
                  <a:cubicBezTo>
                    <a:pt x="1903735" y="721519"/>
                    <a:pt x="1906413" y="726877"/>
                    <a:pt x="1910875" y="728663"/>
                  </a:cubicBezTo>
                  <a:lnTo>
                    <a:pt x="2042074" y="777776"/>
                  </a:lnTo>
                  <a:cubicBezTo>
                    <a:pt x="1999234" y="817959"/>
                    <a:pt x="1944791" y="860822"/>
                    <a:pt x="1922478" y="877788"/>
                  </a:cubicBezTo>
                  <a:cubicBezTo>
                    <a:pt x="1921585" y="875109"/>
                    <a:pt x="1918908" y="871538"/>
                    <a:pt x="1916230" y="867966"/>
                  </a:cubicBezTo>
                  <a:close/>
                  <a:moveTo>
                    <a:pt x="307918" y="1717179"/>
                  </a:moveTo>
                  <a:cubicBezTo>
                    <a:pt x="282035" y="1704677"/>
                    <a:pt x="257937" y="1688604"/>
                    <a:pt x="234732" y="1670745"/>
                  </a:cubicBezTo>
                  <a:lnTo>
                    <a:pt x="739003" y="1384102"/>
                  </a:lnTo>
                  <a:cubicBezTo>
                    <a:pt x="745250" y="1412677"/>
                    <a:pt x="748820" y="1441252"/>
                    <a:pt x="751498" y="1470720"/>
                  </a:cubicBezTo>
                  <a:lnTo>
                    <a:pt x="312380" y="1719858"/>
                  </a:lnTo>
                  <a:cubicBezTo>
                    <a:pt x="310595" y="1718965"/>
                    <a:pt x="308810" y="1718072"/>
                    <a:pt x="307918" y="1717179"/>
                  </a:cubicBezTo>
                  <a:close/>
                  <a:moveTo>
                    <a:pt x="752390" y="1691283"/>
                  </a:moveTo>
                  <a:cubicBezTo>
                    <a:pt x="752390" y="1694855"/>
                    <a:pt x="752390" y="1698427"/>
                    <a:pt x="751498" y="1701998"/>
                  </a:cubicBezTo>
                  <a:lnTo>
                    <a:pt x="622083" y="1776115"/>
                  </a:lnTo>
                  <a:cubicBezTo>
                    <a:pt x="617621" y="1778794"/>
                    <a:pt x="615835" y="1785044"/>
                    <a:pt x="618513" y="1789509"/>
                  </a:cubicBezTo>
                  <a:cubicBezTo>
                    <a:pt x="620298" y="1792188"/>
                    <a:pt x="623868" y="1793974"/>
                    <a:pt x="626546" y="1793974"/>
                  </a:cubicBezTo>
                  <a:cubicBezTo>
                    <a:pt x="628331" y="1793974"/>
                    <a:pt x="630116" y="1793974"/>
                    <a:pt x="631008" y="1793081"/>
                  </a:cubicBezTo>
                  <a:lnTo>
                    <a:pt x="749713" y="1725216"/>
                  </a:lnTo>
                  <a:cubicBezTo>
                    <a:pt x="746143" y="1777008"/>
                    <a:pt x="738110" y="1835051"/>
                    <a:pt x="734540" y="1865412"/>
                  </a:cubicBezTo>
                  <a:cubicBezTo>
                    <a:pt x="641719" y="1842195"/>
                    <a:pt x="548005" y="1815406"/>
                    <a:pt x="450720" y="1778794"/>
                  </a:cubicBezTo>
                  <a:lnTo>
                    <a:pt x="754175" y="1606451"/>
                  </a:lnTo>
                  <a:cubicBezTo>
                    <a:pt x="754175" y="1635919"/>
                    <a:pt x="753283" y="1663601"/>
                    <a:pt x="752390" y="1691283"/>
                  </a:cubicBezTo>
                  <a:close/>
                  <a:moveTo>
                    <a:pt x="755068" y="1585020"/>
                  </a:moveTo>
                  <a:lnTo>
                    <a:pt x="428407" y="1770757"/>
                  </a:lnTo>
                  <a:cubicBezTo>
                    <a:pt x="397169" y="1758255"/>
                    <a:pt x="365931" y="1744861"/>
                    <a:pt x="334693" y="1730574"/>
                  </a:cubicBezTo>
                  <a:lnTo>
                    <a:pt x="753283" y="1493044"/>
                  </a:lnTo>
                  <a:cubicBezTo>
                    <a:pt x="754175" y="1523405"/>
                    <a:pt x="755068" y="1553766"/>
                    <a:pt x="755068" y="1585020"/>
                  </a:cubicBezTo>
                  <a:close/>
                  <a:moveTo>
                    <a:pt x="945174" y="3236119"/>
                  </a:moveTo>
                  <a:cubicBezTo>
                    <a:pt x="1020145" y="2998589"/>
                    <a:pt x="1202218" y="2865537"/>
                    <a:pt x="1427132" y="2832497"/>
                  </a:cubicBezTo>
                  <a:cubicBezTo>
                    <a:pt x="1484253" y="2853928"/>
                    <a:pt x="1539589" y="2868216"/>
                    <a:pt x="1597602" y="2880717"/>
                  </a:cubicBezTo>
                  <a:cubicBezTo>
                    <a:pt x="1483360" y="3152180"/>
                    <a:pt x="1238811" y="3273624"/>
                    <a:pt x="945174" y="3236119"/>
                  </a:cubicBezTo>
                  <a:close/>
                  <a:moveTo>
                    <a:pt x="1635088" y="2823567"/>
                  </a:moveTo>
                  <a:cubicBezTo>
                    <a:pt x="1630625" y="2822674"/>
                    <a:pt x="1625270" y="2821781"/>
                    <a:pt x="1620808" y="2821781"/>
                  </a:cubicBezTo>
                  <a:cubicBezTo>
                    <a:pt x="1601172" y="2819103"/>
                    <a:pt x="1582429" y="2816423"/>
                    <a:pt x="1561901" y="2812852"/>
                  </a:cubicBezTo>
                  <a:cubicBezTo>
                    <a:pt x="1540481" y="2809280"/>
                    <a:pt x="1519061" y="2804815"/>
                    <a:pt x="1497640" y="2800350"/>
                  </a:cubicBezTo>
                  <a:lnTo>
                    <a:pt x="1607420" y="2724448"/>
                  </a:lnTo>
                  <a:cubicBezTo>
                    <a:pt x="1611883" y="2721769"/>
                    <a:pt x="1612775" y="2715518"/>
                    <a:pt x="1610098" y="2711053"/>
                  </a:cubicBezTo>
                  <a:cubicBezTo>
                    <a:pt x="1607420" y="2706588"/>
                    <a:pt x="1601172" y="2705695"/>
                    <a:pt x="1596710" y="2708374"/>
                  </a:cubicBezTo>
                  <a:lnTo>
                    <a:pt x="1472650" y="2794099"/>
                  </a:lnTo>
                  <a:cubicBezTo>
                    <a:pt x="1440520" y="2786063"/>
                    <a:pt x="1407496" y="2776240"/>
                    <a:pt x="1375366" y="2763738"/>
                  </a:cubicBezTo>
                  <a:lnTo>
                    <a:pt x="1621700" y="2593181"/>
                  </a:lnTo>
                  <a:cubicBezTo>
                    <a:pt x="1645798" y="2663726"/>
                    <a:pt x="1669896" y="2746772"/>
                    <a:pt x="1693994" y="2831604"/>
                  </a:cubicBezTo>
                  <a:cubicBezTo>
                    <a:pt x="1673466" y="2828032"/>
                    <a:pt x="1653830" y="2825353"/>
                    <a:pt x="1635088" y="2823567"/>
                  </a:cubicBezTo>
                  <a:close/>
                  <a:moveTo>
                    <a:pt x="4903478" y="3742432"/>
                  </a:moveTo>
                  <a:cubicBezTo>
                    <a:pt x="4617874" y="3700463"/>
                    <a:pt x="4444725" y="3501331"/>
                    <a:pt x="4390282" y="3233440"/>
                  </a:cubicBezTo>
                  <a:cubicBezTo>
                    <a:pt x="4423305" y="3205758"/>
                    <a:pt x="4454543" y="3178076"/>
                    <a:pt x="4483103" y="3149501"/>
                  </a:cubicBezTo>
                  <a:cubicBezTo>
                    <a:pt x="4747288" y="3234333"/>
                    <a:pt x="4893660" y="3454896"/>
                    <a:pt x="4903478" y="3742432"/>
                  </a:cubicBezTo>
                  <a:close/>
                </a:path>
              </a:pathLst>
            </a:custGeom>
            <a:grpFill/>
            <a:ln w="2970" cap="flat">
              <a:noFill/>
              <a:prstDash val="solid"/>
              <a:miter/>
            </a:ln>
          </p:spPr>
          <p:txBody>
            <a:bodyPr rtlCol="0" anchor="ctr"/>
            <a:lstStyle/>
            <a:p>
              <a:endParaRPr lang="en-US" dirty="0"/>
            </a:p>
          </p:txBody>
        </p:sp>
      </p:grpSp>
      <p:sp>
        <p:nvSpPr>
          <p:cNvPr id="126" name="Rectangle 125">
            <a:extLst>
              <a:ext uri="{FF2B5EF4-FFF2-40B4-BE49-F238E27FC236}">
                <a16:creationId xmlns:a16="http://schemas.microsoft.com/office/drawing/2014/main" id="{5D54420E-F9EA-B339-01CF-0A67B71F628B}"/>
              </a:ext>
            </a:extLst>
          </p:cNvPr>
          <p:cNvSpPr/>
          <p:nvPr/>
        </p:nvSpPr>
        <p:spPr>
          <a:xfrm>
            <a:off x="10903" y="4323"/>
            <a:ext cx="4369572" cy="6859778"/>
          </a:xfrm>
          <a:prstGeom prst="rect">
            <a:avLst/>
          </a:prstGeom>
          <a:gradFill flip="none" rotWithShape="1">
            <a:gsLst>
              <a:gs pos="0">
                <a:srgbClr val="9EC3E1">
                  <a:alpha val="31181"/>
                </a:srgbClr>
              </a:gs>
              <a:gs pos="99000">
                <a:schemeClr val="bg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8" name="Date Placeholder 7">
            <a:extLst>
              <a:ext uri="{FF2B5EF4-FFF2-40B4-BE49-F238E27FC236}">
                <a16:creationId xmlns:a16="http://schemas.microsoft.com/office/drawing/2014/main" id="{E3DB7D6E-DB06-FA43-815F-BF1A73D2E79A}"/>
              </a:ext>
            </a:extLst>
          </p:cNvPr>
          <p:cNvSpPr>
            <a:spLocks noGrp="1"/>
          </p:cNvSpPr>
          <p:nvPr>
            <p:ph type="dt" sz="half" idx="10"/>
          </p:nvPr>
        </p:nvSpPr>
        <p:spPr/>
        <p:txBody>
          <a:bodyPr/>
          <a:lstStyle/>
          <a:p>
            <a:fld id="{23045760-6E15-E946-A277-8E2EF8B0B66B}" type="datetime4">
              <a:rPr lang="en-US"/>
              <a:pPr/>
              <a:t>September 8, 2023</a:t>
            </a:fld>
            <a:endParaRPr lang="en-GB" dirty="0"/>
          </a:p>
        </p:txBody>
      </p:sp>
      <p:sp>
        <p:nvSpPr>
          <p:cNvPr id="10" name="Slide Number Placeholder 9">
            <a:extLst>
              <a:ext uri="{FF2B5EF4-FFF2-40B4-BE49-F238E27FC236}">
                <a16:creationId xmlns:a16="http://schemas.microsoft.com/office/drawing/2014/main" id="{01F81511-47EA-3F4D-B899-9FF5278EF1DC}"/>
              </a:ext>
            </a:extLst>
          </p:cNvPr>
          <p:cNvSpPr>
            <a:spLocks noGrp="1"/>
          </p:cNvSpPr>
          <p:nvPr>
            <p:ph type="sldNum" sz="quarter" idx="11"/>
          </p:nvPr>
        </p:nvSpPr>
        <p:spPr/>
        <p:txBody>
          <a:bodyPr/>
          <a:lstStyle/>
          <a:p>
            <a:fld id="{23AA811B-2EBD-4900-905E-5BE206449611}" type="slidenum">
              <a:rPr lang="en-GB"/>
              <a:pPr/>
              <a:t>4</a:t>
            </a:fld>
            <a:endParaRPr lang="en-GB" dirty="0"/>
          </a:p>
        </p:txBody>
      </p:sp>
      <p:grpSp>
        <p:nvGrpSpPr>
          <p:cNvPr id="127" name="Group 126">
            <a:extLst>
              <a:ext uri="{FF2B5EF4-FFF2-40B4-BE49-F238E27FC236}">
                <a16:creationId xmlns:a16="http://schemas.microsoft.com/office/drawing/2014/main" id="{20877DFB-3774-6E9B-5059-9FB6D4040B9A}"/>
              </a:ext>
            </a:extLst>
          </p:cNvPr>
          <p:cNvGrpSpPr/>
          <p:nvPr/>
        </p:nvGrpSpPr>
        <p:grpSpPr>
          <a:xfrm>
            <a:off x="462471" y="1818634"/>
            <a:ext cx="3051620" cy="3004765"/>
            <a:chOff x="462471" y="1818634"/>
            <a:chExt cx="3051620" cy="3004765"/>
          </a:xfrm>
          <a:effectLst>
            <a:reflection blurRad="6350" stA="9000" endPos="26000" dir="5400000" sy="-100000" algn="bl" rotWithShape="0"/>
          </a:effectLst>
        </p:grpSpPr>
        <p:sp>
          <p:nvSpPr>
            <p:cNvPr id="18" name="Oval 17"/>
            <p:cNvSpPr/>
            <p:nvPr/>
          </p:nvSpPr>
          <p:spPr bwMode="auto">
            <a:xfrm>
              <a:off x="485899" y="1818634"/>
              <a:ext cx="3004765" cy="3004765"/>
            </a:xfrm>
            <a:prstGeom prst="ellipse">
              <a:avLst/>
            </a:prstGeom>
            <a:solidFill>
              <a:schemeClr val="bg1"/>
            </a:solidFill>
            <a:ln w="9525">
              <a:noFill/>
              <a:round/>
              <a:headEnd/>
              <a:tailEnd/>
            </a:ln>
            <a:effectLst/>
          </p:spPr>
          <p:txBody>
            <a:bodyPr vert="horz" wrap="square" lIns="121920" tIns="60960" rIns="121920" bIns="60960" numCol="1" rtlCol="0" anchor="t" anchorCtr="0" compatLnSpc="1">
              <a:prstTxWarp prst="textNoShape">
                <a:avLst/>
              </a:prstTxWarp>
            </a:bodyPr>
            <a:lstStyle/>
            <a:p>
              <a:pPr algn="ctr"/>
              <a:endParaRPr lang="en-US" sz="2400"/>
            </a:p>
          </p:txBody>
        </p:sp>
        <p:grpSp>
          <p:nvGrpSpPr>
            <p:cNvPr id="6" name="Group 5">
              <a:extLst>
                <a:ext uri="{FF2B5EF4-FFF2-40B4-BE49-F238E27FC236}">
                  <a16:creationId xmlns:a16="http://schemas.microsoft.com/office/drawing/2014/main" id="{32DA8D3E-A9DC-134B-EC4A-F197FDE5AC54}"/>
                </a:ext>
              </a:extLst>
            </p:cNvPr>
            <p:cNvGrpSpPr/>
            <p:nvPr/>
          </p:nvGrpSpPr>
          <p:grpSpPr>
            <a:xfrm>
              <a:off x="462471" y="2266764"/>
              <a:ext cx="3051620" cy="2556635"/>
              <a:chOff x="2630108" y="3375620"/>
              <a:chExt cx="2639398" cy="2211277"/>
            </a:xfrm>
          </p:grpSpPr>
          <p:sp>
            <p:nvSpPr>
              <p:cNvPr id="7" name="Freeform 6">
                <a:extLst>
                  <a:ext uri="{FF2B5EF4-FFF2-40B4-BE49-F238E27FC236}">
                    <a16:creationId xmlns:a16="http://schemas.microsoft.com/office/drawing/2014/main" id="{3F886EA4-32B5-0757-2DD6-DCDD91C42E5D}"/>
                  </a:ext>
                </a:extLst>
              </p:cNvPr>
              <p:cNvSpPr/>
              <p:nvPr/>
            </p:nvSpPr>
            <p:spPr>
              <a:xfrm>
                <a:off x="2630298" y="3375620"/>
                <a:ext cx="2639208" cy="2210943"/>
              </a:xfrm>
              <a:custGeom>
                <a:avLst/>
                <a:gdLst>
                  <a:gd name="connsiteX0" fmla="*/ 0 w 2639208"/>
                  <a:gd name="connsiteY0" fmla="*/ 0 h 2210943"/>
                  <a:gd name="connsiteX1" fmla="*/ 2639208 w 2639208"/>
                  <a:gd name="connsiteY1" fmla="*/ 0 h 2210943"/>
                  <a:gd name="connsiteX2" fmla="*/ 2639208 w 2639208"/>
                  <a:gd name="connsiteY2" fmla="*/ 2210943 h 2210943"/>
                  <a:gd name="connsiteX3" fmla="*/ 0 w 2639208"/>
                  <a:gd name="connsiteY3" fmla="*/ 2210943 h 2210943"/>
                </a:gdLst>
                <a:ahLst/>
                <a:cxnLst>
                  <a:cxn ang="0">
                    <a:pos x="connsiteX0" y="connsiteY0"/>
                  </a:cxn>
                  <a:cxn ang="0">
                    <a:pos x="connsiteX1" y="connsiteY1"/>
                  </a:cxn>
                  <a:cxn ang="0">
                    <a:pos x="connsiteX2" y="connsiteY2"/>
                  </a:cxn>
                  <a:cxn ang="0">
                    <a:pos x="connsiteX3" y="connsiteY3"/>
                  </a:cxn>
                </a:cxnLst>
                <a:rect l="l" t="t" r="r" b="b"/>
                <a:pathLst>
                  <a:path w="2639208" h="2210943">
                    <a:moveTo>
                      <a:pt x="0" y="0"/>
                    </a:moveTo>
                    <a:lnTo>
                      <a:pt x="2639208" y="0"/>
                    </a:lnTo>
                    <a:lnTo>
                      <a:pt x="2639208" y="2210943"/>
                    </a:lnTo>
                    <a:lnTo>
                      <a:pt x="0" y="2210943"/>
                    </a:lnTo>
                    <a:close/>
                  </a:path>
                </a:pathLst>
              </a:custGeom>
              <a:noFill/>
              <a:ln w="9492" cap="flat">
                <a:noFill/>
                <a:prstDash val="solid"/>
                <a:miter/>
              </a:ln>
            </p:spPr>
            <p:txBody>
              <a:bodyPr rtlCol="0" anchor="ctr"/>
              <a:lstStyle/>
              <a:p>
                <a:endParaRPr lang="en-US"/>
              </a:p>
            </p:txBody>
          </p:sp>
          <p:sp>
            <p:nvSpPr>
              <p:cNvPr id="9" name="Freeform 8">
                <a:extLst>
                  <a:ext uri="{FF2B5EF4-FFF2-40B4-BE49-F238E27FC236}">
                    <a16:creationId xmlns:a16="http://schemas.microsoft.com/office/drawing/2014/main" id="{D2DBBABD-399A-8C58-D547-B1C4FD10F597}"/>
                  </a:ext>
                </a:extLst>
              </p:cNvPr>
              <p:cNvSpPr/>
              <p:nvPr/>
            </p:nvSpPr>
            <p:spPr>
              <a:xfrm>
                <a:off x="2630298" y="3375620"/>
                <a:ext cx="2639208" cy="2210943"/>
              </a:xfrm>
              <a:custGeom>
                <a:avLst/>
                <a:gdLst>
                  <a:gd name="connsiteX0" fmla="*/ 0 w 2639208"/>
                  <a:gd name="connsiteY0" fmla="*/ 0 h 2210943"/>
                  <a:gd name="connsiteX1" fmla="*/ 2639208 w 2639208"/>
                  <a:gd name="connsiteY1" fmla="*/ 0 h 2210943"/>
                  <a:gd name="connsiteX2" fmla="*/ 2639208 w 2639208"/>
                  <a:gd name="connsiteY2" fmla="*/ 2210943 h 2210943"/>
                  <a:gd name="connsiteX3" fmla="*/ 0 w 2639208"/>
                  <a:gd name="connsiteY3" fmla="*/ 2210943 h 2210943"/>
                </a:gdLst>
                <a:ahLst/>
                <a:cxnLst>
                  <a:cxn ang="0">
                    <a:pos x="connsiteX0" y="connsiteY0"/>
                  </a:cxn>
                  <a:cxn ang="0">
                    <a:pos x="connsiteX1" y="connsiteY1"/>
                  </a:cxn>
                  <a:cxn ang="0">
                    <a:pos x="connsiteX2" y="connsiteY2"/>
                  </a:cxn>
                  <a:cxn ang="0">
                    <a:pos x="connsiteX3" y="connsiteY3"/>
                  </a:cxn>
                </a:cxnLst>
                <a:rect l="l" t="t" r="r" b="b"/>
                <a:pathLst>
                  <a:path w="2639208" h="2210943">
                    <a:moveTo>
                      <a:pt x="0" y="0"/>
                    </a:moveTo>
                    <a:lnTo>
                      <a:pt x="2639208" y="0"/>
                    </a:lnTo>
                    <a:lnTo>
                      <a:pt x="2639208" y="2210943"/>
                    </a:lnTo>
                    <a:lnTo>
                      <a:pt x="0" y="2210943"/>
                    </a:lnTo>
                    <a:close/>
                  </a:path>
                </a:pathLst>
              </a:custGeom>
              <a:noFill/>
              <a:ln w="9492" cap="flat">
                <a:noFill/>
                <a:prstDash val="solid"/>
                <a:miter/>
              </a:ln>
            </p:spPr>
            <p:txBody>
              <a:bodyPr rtlCol="0" anchor="ctr"/>
              <a:lstStyle/>
              <a:p>
                <a:endParaRPr lang="en-US"/>
              </a:p>
            </p:txBody>
          </p:sp>
          <p:sp>
            <p:nvSpPr>
              <p:cNvPr id="12" name="Freeform 11">
                <a:extLst>
                  <a:ext uri="{FF2B5EF4-FFF2-40B4-BE49-F238E27FC236}">
                    <a16:creationId xmlns:a16="http://schemas.microsoft.com/office/drawing/2014/main" id="{282D056E-2F20-59CC-19DD-3873F273B4AD}"/>
                  </a:ext>
                </a:extLst>
              </p:cNvPr>
              <p:cNvSpPr/>
              <p:nvPr/>
            </p:nvSpPr>
            <p:spPr>
              <a:xfrm>
                <a:off x="2630298" y="3375620"/>
                <a:ext cx="2639208" cy="2210943"/>
              </a:xfrm>
              <a:custGeom>
                <a:avLst/>
                <a:gdLst>
                  <a:gd name="connsiteX0" fmla="*/ 0 w 2639208"/>
                  <a:gd name="connsiteY0" fmla="*/ 0 h 2210943"/>
                  <a:gd name="connsiteX1" fmla="*/ 2639208 w 2639208"/>
                  <a:gd name="connsiteY1" fmla="*/ 0 h 2210943"/>
                  <a:gd name="connsiteX2" fmla="*/ 2639208 w 2639208"/>
                  <a:gd name="connsiteY2" fmla="*/ 2210943 h 2210943"/>
                  <a:gd name="connsiteX3" fmla="*/ 0 w 2639208"/>
                  <a:gd name="connsiteY3" fmla="*/ 2210943 h 2210943"/>
                </a:gdLst>
                <a:ahLst/>
                <a:cxnLst>
                  <a:cxn ang="0">
                    <a:pos x="connsiteX0" y="connsiteY0"/>
                  </a:cxn>
                  <a:cxn ang="0">
                    <a:pos x="connsiteX1" y="connsiteY1"/>
                  </a:cxn>
                  <a:cxn ang="0">
                    <a:pos x="connsiteX2" y="connsiteY2"/>
                  </a:cxn>
                  <a:cxn ang="0">
                    <a:pos x="connsiteX3" y="connsiteY3"/>
                  </a:cxn>
                </a:cxnLst>
                <a:rect l="l" t="t" r="r" b="b"/>
                <a:pathLst>
                  <a:path w="2639208" h="2210943">
                    <a:moveTo>
                      <a:pt x="0" y="0"/>
                    </a:moveTo>
                    <a:lnTo>
                      <a:pt x="2639208" y="0"/>
                    </a:lnTo>
                    <a:lnTo>
                      <a:pt x="2639208" y="2210943"/>
                    </a:lnTo>
                    <a:lnTo>
                      <a:pt x="0" y="2210943"/>
                    </a:lnTo>
                    <a:close/>
                  </a:path>
                </a:pathLst>
              </a:custGeom>
              <a:noFill/>
              <a:ln w="9492" cap="flat">
                <a:noFill/>
                <a:prstDash val="solid"/>
                <a:miter/>
              </a:ln>
            </p:spPr>
            <p:txBody>
              <a:bodyPr rtlCol="0" anchor="ctr"/>
              <a:lstStyle/>
              <a:p>
                <a:endParaRPr lang="en-US"/>
              </a:p>
            </p:txBody>
          </p:sp>
          <p:sp>
            <p:nvSpPr>
              <p:cNvPr id="13" name="Freeform 12">
                <a:extLst>
                  <a:ext uri="{FF2B5EF4-FFF2-40B4-BE49-F238E27FC236}">
                    <a16:creationId xmlns:a16="http://schemas.microsoft.com/office/drawing/2014/main" id="{7275DE24-9660-2288-7946-3F269E18114B}"/>
                  </a:ext>
                </a:extLst>
              </p:cNvPr>
              <p:cNvSpPr/>
              <p:nvPr/>
            </p:nvSpPr>
            <p:spPr>
              <a:xfrm>
                <a:off x="2630298" y="3375620"/>
                <a:ext cx="2639208" cy="2210943"/>
              </a:xfrm>
              <a:custGeom>
                <a:avLst/>
                <a:gdLst>
                  <a:gd name="connsiteX0" fmla="*/ 0 w 2639208"/>
                  <a:gd name="connsiteY0" fmla="*/ 0 h 2210943"/>
                  <a:gd name="connsiteX1" fmla="*/ 2639208 w 2639208"/>
                  <a:gd name="connsiteY1" fmla="*/ 0 h 2210943"/>
                  <a:gd name="connsiteX2" fmla="*/ 2639208 w 2639208"/>
                  <a:gd name="connsiteY2" fmla="*/ 2210943 h 2210943"/>
                  <a:gd name="connsiteX3" fmla="*/ 0 w 2639208"/>
                  <a:gd name="connsiteY3" fmla="*/ 2210943 h 2210943"/>
                </a:gdLst>
                <a:ahLst/>
                <a:cxnLst>
                  <a:cxn ang="0">
                    <a:pos x="connsiteX0" y="connsiteY0"/>
                  </a:cxn>
                  <a:cxn ang="0">
                    <a:pos x="connsiteX1" y="connsiteY1"/>
                  </a:cxn>
                  <a:cxn ang="0">
                    <a:pos x="connsiteX2" y="connsiteY2"/>
                  </a:cxn>
                  <a:cxn ang="0">
                    <a:pos x="connsiteX3" y="connsiteY3"/>
                  </a:cxn>
                </a:cxnLst>
                <a:rect l="l" t="t" r="r" b="b"/>
                <a:pathLst>
                  <a:path w="2639208" h="2210943">
                    <a:moveTo>
                      <a:pt x="0" y="0"/>
                    </a:moveTo>
                    <a:lnTo>
                      <a:pt x="2639208" y="0"/>
                    </a:lnTo>
                    <a:lnTo>
                      <a:pt x="2639208" y="2210943"/>
                    </a:lnTo>
                    <a:lnTo>
                      <a:pt x="0" y="2210943"/>
                    </a:lnTo>
                    <a:close/>
                  </a:path>
                </a:pathLst>
              </a:custGeom>
              <a:noFill/>
              <a:ln w="9492" cap="flat">
                <a:noFill/>
                <a:prstDash val="solid"/>
                <a:miter/>
              </a:ln>
            </p:spPr>
            <p:txBody>
              <a:bodyPr rtlCol="0" anchor="ctr"/>
              <a:lstStyle/>
              <a:p>
                <a:endParaRPr lang="en-US"/>
              </a:p>
            </p:txBody>
          </p:sp>
          <p:sp>
            <p:nvSpPr>
              <p:cNvPr id="14" name="Freeform 13">
                <a:extLst>
                  <a:ext uri="{FF2B5EF4-FFF2-40B4-BE49-F238E27FC236}">
                    <a16:creationId xmlns:a16="http://schemas.microsoft.com/office/drawing/2014/main" id="{77DB386F-82D0-7F5A-C522-9AF06056C770}"/>
                  </a:ext>
                </a:extLst>
              </p:cNvPr>
              <p:cNvSpPr/>
              <p:nvPr/>
            </p:nvSpPr>
            <p:spPr>
              <a:xfrm>
                <a:off x="2630298" y="3375620"/>
                <a:ext cx="2639208" cy="2210943"/>
              </a:xfrm>
              <a:custGeom>
                <a:avLst/>
                <a:gdLst>
                  <a:gd name="connsiteX0" fmla="*/ 0 w 2639208"/>
                  <a:gd name="connsiteY0" fmla="*/ 0 h 2210943"/>
                  <a:gd name="connsiteX1" fmla="*/ 2639208 w 2639208"/>
                  <a:gd name="connsiteY1" fmla="*/ 0 h 2210943"/>
                  <a:gd name="connsiteX2" fmla="*/ 2639208 w 2639208"/>
                  <a:gd name="connsiteY2" fmla="*/ 2210943 h 2210943"/>
                  <a:gd name="connsiteX3" fmla="*/ 0 w 2639208"/>
                  <a:gd name="connsiteY3" fmla="*/ 2210943 h 2210943"/>
                </a:gdLst>
                <a:ahLst/>
                <a:cxnLst>
                  <a:cxn ang="0">
                    <a:pos x="connsiteX0" y="connsiteY0"/>
                  </a:cxn>
                  <a:cxn ang="0">
                    <a:pos x="connsiteX1" y="connsiteY1"/>
                  </a:cxn>
                  <a:cxn ang="0">
                    <a:pos x="connsiteX2" y="connsiteY2"/>
                  </a:cxn>
                  <a:cxn ang="0">
                    <a:pos x="connsiteX3" y="connsiteY3"/>
                  </a:cxn>
                </a:cxnLst>
                <a:rect l="l" t="t" r="r" b="b"/>
                <a:pathLst>
                  <a:path w="2639208" h="2210943">
                    <a:moveTo>
                      <a:pt x="0" y="0"/>
                    </a:moveTo>
                    <a:lnTo>
                      <a:pt x="2639208" y="0"/>
                    </a:lnTo>
                    <a:lnTo>
                      <a:pt x="2639208" y="2210943"/>
                    </a:lnTo>
                    <a:lnTo>
                      <a:pt x="0" y="2210943"/>
                    </a:lnTo>
                    <a:close/>
                  </a:path>
                </a:pathLst>
              </a:custGeom>
              <a:noFill/>
              <a:ln w="9492" cap="flat">
                <a:noFill/>
                <a:prstDash val="solid"/>
                <a:miter/>
              </a:ln>
            </p:spPr>
            <p:txBody>
              <a:bodyPr rtlCol="0" anchor="ctr"/>
              <a:lstStyle/>
              <a:p>
                <a:endParaRPr lang="en-US"/>
              </a:p>
            </p:txBody>
          </p:sp>
          <p:grpSp>
            <p:nvGrpSpPr>
              <p:cNvPr id="15" name="Graphic 12">
                <a:extLst>
                  <a:ext uri="{FF2B5EF4-FFF2-40B4-BE49-F238E27FC236}">
                    <a16:creationId xmlns:a16="http://schemas.microsoft.com/office/drawing/2014/main" id="{447A54D0-174C-DD4C-561C-A635FDF7C7A6}"/>
                  </a:ext>
                </a:extLst>
              </p:cNvPr>
              <p:cNvGrpSpPr/>
              <p:nvPr/>
            </p:nvGrpSpPr>
            <p:grpSpPr>
              <a:xfrm>
                <a:off x="3059859" y="3601172"/>
                <a:ext cx="1830605" cy="1091565"/>
                <a:chOff x="3059859" y="3601172"/>
                <a:chExt cx="1830605" cy="1091565"/>
              </a:xfrm>
              <a:solidFill>
                <a:srgbClr val="BCBEC0"/>
              </a:solidFill>
            </p:grpSpPr>
            <p:sp>
              <p:nvSpPr>
                <p:cNvPr id="98" name="Freeform 97">
                  <a:extLst>
                    <a:ext uri="{FF2B5EF4-FFF2-40B4-BE49-F238E27FC236}">
                      <a16:creationId xmlns:a16="http://schemas.microsoft.com/office/drawing/2014/main" id="{EF4B71C2-190D-754D-13F6-E4003D6EB35A}"/>
                    </a:ext>
                  </a:extLst>
                </p:cNvPr>
                <p:cNvSpPr/>
                <p:nvPr/>
              </p:nvSpPr>
              <p:spPr>
                <a:xfrm>
                  <a:off x="3059859" y="4160744"/>
                  <a:ext cx="199605" cy="92012"/>
                </a:xfrm>
                <a:custGeom>
                  <a:avLst/>
                  <a:gdLst>
                    <a:gd name="connsiteX0" fmla="*/ 199606 w 199605"/>
                    <a:gd name="connsiteY0" fmla="*/ 13357 h 92012"/>
                    <a:gd name="connsiteX1" fmla="*/ 0 w 199605"/>
                    <a:gd name="connsiteY1" fmla="*/ 78032 h 92012"/>
                    <a:gd name="connsiteX2" fmla="*/ 199606 w 199605"/>
                    <a:gd name="connsiteY2" fmla="*/ 13357 h 92012"/>
                  </a:gdLst>
                  <a:ahLst/>
                  <a:cxnLst>
                    <a:cxn ang="0">
                      <a:pos x="connsiteX0" y="connsiteY0"/>
                    </a:cxn>
                    <a:cxn ang="0">
                      <a:pos x="connsiteX1" y="connsiteY1"/>
                    </a:cxn>
                    <a:cxn ang="0">
                      <a:pos x="connsiteX2" y="connsiteY2"/>
                    </a:cxn>
                  </a:cxnLst>
                  <a:rect l="l" t="t" r="r" b="b"/>
                  <a:pathLst>
                    <a:path w="199605" h="92012">
                      <a:moveTo>
                        <a:pt x="199606" y="13357"/>
                      </a:moveTo>
                      <a:cubicBezTo>
                        <a:pt x="199606" y="13357"/>
                        <a:pt x="70024" y="-43698"/>
                        <a:pt x="0" y="78032"/>
                      </a:cubicBezTo>
                      <a:cubicBezTo>
                        <a:pt x="0" y="78032"/>
                        <a:pt x="129962" y="136801"/>
                        <a:pt x="199606" y="13357"/>
                      </a:cubicBezTo>
                      <a:close/>
                    </a:path>
                  </a:pathLst>
                </a:custGeom>
                <a:solidFill>
                  <a:srgbClr val="BCBEC0"/>
                </a:solidFill>
                <a:ln w="9492" cap="flat">
                  <a:noFill/>
                  <a:prstDash val="solid"/>
                  <a:miter/>
                </a:ln>
              </p:spPr>
              <p:txBody>
                <a:bodyPr rtlCol="0" anchor="ctr"/>
                <a:lstStyle/>
                <a:p>
                  <a:endParaRPr lang="en-US"/>
                </a:p>
              </p:txBody>
            </p:sp>
            <p:sp>
              <p:nvSpPr>
                <p:cNvPr id="99" name="Freeform 98">
                  <a:extLst>
                    <a:ext uri="{FF2B5EF4-FFF2-40B4-BE49-F238E27FC236}">
                      <a16:creationId xmlns:a16="http://schemas.microsoft.com/office/drawing/2014/main" id="{F06F137E-3DDC-D0A0-A856-7B8BE549FC90}"/>
                    </a:ext>
                  </a:extLst>
                </p:cNvPr>
                <p:cNvSpPr/>
                <p:nvPr/>
              </p:nvSpPr>
              <p:spPr>
                <a:xfrm>
                  <a:off x="3263118" y="4182197"/>
                  <a:ext cx="54672" cy="130016"/>
                </a:xfrm>
                <a:custGeom>
                  <a:avLst/>
                  <a:gdLst>
                    <a:gd name="connsiteX0" fmla="*/ 40397 w 54672"/>
                    <a:gd name="connsiteY0" fmla="*/ 130016 h 130016"/>
                    <a:gd name="connsiteX1" fmla="*/ 14709 w 54672"/>
                    <a:gd name="connsiteY1" fmla="*/ 0 h 130016"/>
                    <a:gd name="connsiteX2" fmla="*/ 40397 w 54672"/>
                    <a:gd name="connsiteY2" fmla="*/ 130016 h 130016"/>
                  </a:gdLst>
                  <a:ahLst/>
                  <a:cxnLst>
                    <a:cxn ang="0">
                      <a:pos x="connsiteX0" y="connsiteY0"/>
                    </a:cxn>
                    <a:cxn ang="0">
                      <a:pos x="connsiteX1" y="connsiteY1"/>
                    </a:cxn>
                    <a:cxn ang="0">
                      <a:pos x="connsiteX2" y="connsiteY2"/>
                    </a:cxn>
                  </a:cxnLst>
                  <a:rect l="l" t="t" r="r" b="b"/>
                  <a:pathLst>
                    <a:path w="54672" h="130016">
                      <a:moveTo>
                        <a:pt x="40397" y="130016"/>
                      </a:moveTo>
                      <a:cubicBezTo>
                        <a:pt x="40397" y="130016"/>
                        <a:pt x="85779" y="53054"/>
                        <a:pt x="14709" y="0"/>
                      </a:cubicBezTo>
                      <a:cubicBezTo>
                        <a:pt x="14709" y="0"/>
                        <a:pt x="-31720" y="77152"/>
                        <a:pt x="40397" y="130016"/>
                      </a:cubicBezTo>
                      <a:close/>
                    </a:path>
                  </a:pathLst>
                </a:custGeom>
                <a:solidFill>
                  <a:srgbClr val="BCBEC0"/>
                </a:solidFill>
                <a:ln w="9492" cap="flat">
                  <a:noFill/>
                  <a:prstDash val="solid"/>
                  <a:miter/>
                </a:ln>
              </p:spPr>
              <p:txBody>
                <a:bodyPr rtlCol="0" anchor="ctr"/>
                <a:lstStyle/>
                <a:p>
                  <a:endParaRPr lang="en-US"/>
                </a:p>
              </p:txBody>
            </p:sp>
            <p:sp>
              <p:nvSpPr>
                <p:cNvPr id="100" name="Freeform 99">
                  <a:extLst>
                    <a:ext uri="{FF2B5EF4-FFF2-40B4-BE49-F238E27FC236}">
                      <a16:creationId xmlns:a16="http://schemas.microsoft.com/office/drawing/2014/main" id="{38AAEDE9-7A4C-23EA-68D5-53F4DEC8A893}"/>
                    </a:ext>
                  </a:extLst>
                </p:cNvPr>
                <p:cNvSpPr/>
                <p:nvPr/>
              </p:nvSpPr>
              <p:spPr>
                <a:xfrm>
                  <a:off x="3467157" y="3737992"/>
                  <a:ext cx="205599" cy="89937"/>
                </a:xfrm>
                <a:custGeom>
                  <a:avLst/>
                  <a:gdLst>
                    <a:gd name="connsiteX0" fmla="*/ 205599 w 205599"/>
                    <a:gd name="connsiteY0" fmla="*/ 65492 h 89937"/>
                    <a:gd name="connsiteX1" fmla="*/ 0 w 205599"/>
                    <a:gd name="connsiteY1" fmla="*/ 23772 h 89937"/>
                    <a:gd name="connsiteX2" fmla="*/ 205599 w 205599"/>
                    <a:gd name="connsiteY2" fmla="*/ 65492 h 89937"/>
                  </a:gdLst>
                  <a:ahLst/>
                  <a:cxnLst>
                    <a:cxn ang="0">
                      <a:pos x="connsiteX0" y="connsiteY0"/>
                    </a:cxn>
                    <a:cxn ang="0">
                      <a:pos x="connsiteX1" y="connsiteY1"/>
                    </a:cxn>
                    <a:cxn ang="0">
                      <a:pos x="connsiteX2" y="connsiteY2"/>
                    </a:cxn>
                  </a:cxnLst>
                  <a:rect l="l" t="t" r="r" b="b"/>
                  <a:pathLst>
                    <a:path w="205599" h="89937">
                      <a:moveTo>
                        <a:pt x="205599" y="65492"/>
                      </a:moveTo>
                      <a:cubicBezTo>
                        <a:pt x="205599" y="65492"/>
                        <a:pt x="120734" y="-47951"/>
                        <a:pt x="0" y="23772"/>
                      </a:cubicBezTo>
                      <a:cubicBezTo>
                        <a:pt x="0" y="23772"/>
                        <a:pt x="84390" y="138834"/>
                        <a:pt x="205599" y="65492"/>
                      </a:cubicBezTo>
                      <a:close/>
                    </a:path>
                  </a:pathLst>
                </a:custGeom>
                <a:solidFill>
                  <a:srgbClr val="BCBEC0"/>
                </a:solidFill>
                <a:ln w="9492" cap="flat">
                  <a:noFill/>
                  <a:prstDash val="solid"/>
                  <a:miter/>
                </a:ln>
              </p:spPr>
              <p:txBody>
                <a:bodyPr rtlCol="0" anchor="ctr"/>
                <a:lstStyle/>
                <a:p>
                  <a:endParaRPr lang="en-US"/>
                </a:p>
              </p:txBody>
            </p:sp>
            <p:sp>
              <p:nvSpPr>
                <p:cNvPr id="101" name="Freeform 100">
                  <a:extLst>
                    <a:ext uri="{FF2B5EF4-FFF2-40B4-BE49-F238E27FC236}">
                      <a16:creationId xmlns:a16="http://schemas.microsoft.com/office/drawing/2014/main" id="{F4F39C51-B1D6-4A3D-3F1A-B5713D3B4E3B}"/>
                    </a:ext>
                  </a:extLst>
                </p:cNvPr>
                <p:cNvSpPr/>
                <p:nvPr/>
              </p:nvSpPr>
              <p:spPr>
                <a:xfrm>
                  <a:off x="4726823" y="4465116"/>
                  <a:ext cx="107318" cy="52239"/>
                </a:xfrm>
                <a:custGeom>
                  <a:avLst/>
                  <a:gdLst>
                    <a:gd name="connsiteX0" fmla="*/ 107319 w 107318"/>
                    <a:gd name="connsiteY0" fmla="*/ 5498 h 52239"/>
                    <a:gd name="connsiteX1" fmla="*/ 0 w 107318"/>
                    <a:gd name="connsiteY1" fmla="*/ 46456 h 52239"/>
                    <a:gd name="connsiteX2" fmla="*/ 107319 w 107318"/>
                    <a:gd name="connsiteY2" fmla="*/ 5498 h 52239"/>
                  </a:gdLst>
                  <a:ahLst/>
                  <a:cxnLst>
                    <a:cxn ang="0">
                      <a:pos x="connsiteX0" y="connsiteY0"/>
                    </a:cxn>
                    <a:cxn ang="0">
                      <a:pos x="connsiteX1" y="connsiteY1"/>
                    </a:cxn>
                    <a:cxn ang="0">
                      <a:pos x="connsiteX2" y="connsiteY2"/>
                    </a:cxn>
                  </a:cxnLst>
                  <a:rect l="l" t="t" r="r" b="b"/>
                  <a:pathLst>
                    <a:path w="107318" h="52239">
                      <a:moveTo>
                        <a:pt x="107319" y="5498"/>
                      </a:moveTo>
                      <a:cubicBezTo>
                        <a:pt x="107319" y="5498"/>
                        <a:pt x="34917" y="-22124"/>
                        <a:pt x="0" y="46456"/>
                      </a:cubicBezTo>
                      <a:cubicBezTo>
                        <a:pt x="0" y="46456"/>
                        <a:pt x="72688" y="74936"/>
                        <a:pt x="107319" y="5498"/>
                      </a:cubicBezTo>
                      <a:close/>
                    </a:path>
                  </a:pathLst>
                </a:custGeom>
                <a:solidFill>
                  <a:srgbClr val="BCBEC0"/>
                </a:solidFill>
                <a:ln w="9492" cap="flat">
                  <a:noFill/>
                  <a:prstDash val="solid"/>
                  <a:miter/>
                </a:ln>
              </p:spPr>
              <p:txBody>
                <a:bodyPr rtlCol="0" anchor="ctr"/>
                <a:lstStyle/>
                <a:p>
                  <a:endParaRPr lang="en-US"/>
                </a:p>
              </p:txBody>
            </p:sp>
            <p:sp>
              <p:nvSpPr>
                <p:cNvPr id="102" name="Freeform 101">
                  <a:extLst>
                    <a:ext uri="{FF2B5EF4-FFF2-40B4-BE49-F238E27FC236}">
                      <a16:creationId xmlns:a16="http://schemas.microsoft.com/office/drawing/2014/main" id="{AD9AE142-1E00-E25B-B54B-424BD64D5F05}"/>
                    </a:ext>
                  </a:extLst>
                </p:cNvPr>
                <p:cNvSpPr/>
                <p:nvPr/>
              </p:nvSpPr>
              <p:spPr>
                <a:xfrm>
                  <a:off x="4362718" y="4530759"/>
                  <a:ext cx="152225" cy="70599"/>
                </a:xfrm>
                <a:custGeom>
                  <a:avLst/>
                  <a:gdLst>
                    <a:gd name="connsiteX0" fmla="*/ 152225 w 152225"/>
                    <a:gd name="connsiteY0" fmla="*/ 56441 h 70599"/>
                    <a:gd name="connsiteX1" fmla="*/ 0 w 152225"/>
                    <a:gd name="connsiteY1" fmla="*/ 13673 h 70599"/>
                    <a:gd name="connsiteX2" fmla="*/ 152225 w 152225"/>
                    <a:gd name="connsiteY2" fmla="*/ 56441 h 70599"/>
                  </a:gdLst>
                  <a:ahLst/>
                  <a:cxnLst>
                    <a:cxn ang="0">
                      <a:pos x="connsiteX0" y="connsiteY0"/>
                    </a:cxn>
                    <a:cxn ang="0">
                      <a:pos x="connsiteX1" y="connsiteY1"/>
                    </a:cxn>
                    <a:cxn ang="0">
                      <a:pos x="connsiteX2" y="connsiteY2"/>
                    </a:cxn>
                  </a:cxnLst>
                  <a:rect l="l" t="t" r="r" b="b"/>
                  <a:pathLst>
                    <a:path w="152225" h="70599">
                      <a:moveTo>
                        <a:pt x="152225" y="56441"/>
                      </a:moveTo>
                      <a:cubicBezTo>
                        <a:pt x="152225" y="56441"/>
                        <a:pt x="94665" y="-33475"/>
                        <a:pt x="0" y="13673"/>
                      </a:cubicBezTo>
                      <a:cubicBezTo>
                        <a:pt x="0" y="13673"/>
                        <a:pt x="57085" y="104828"/>
                        <a:pt x="152225" y="56441"/>
                      </a:cubicBezTo>
                      <a:close/>
                    </a:path>
                  </a:pathLst>
                </a:custGeom>
                <a:solidFill>
                  <a:srgbClr val="BCBEC0"/>
                </a:solidFill>
                <a:ln w="9492" cap="flat">
                  <a:noFill/>
                  <a:prstDash val="solid"/>
                  <a:miter/>
                </a:ln>
              </p:spPr>
              <p:txBody>
                <a:bodyPr rtlCol="0" anchor="ctr"/>
                <a:lstStyle/>
                <a:p>
                  <a:endParaRPr lang="en-US"/>
                </a:p>
              </p:txBody>
            </p:sp>
            <p:sp>
              <p:nvSpPr>
                <p:cNvPr id="103" name="Freeform 102">
                  <a:extLst>
                    <a:ext uri="{FF2B5EF4-FFF2-40B4-BE49-F238E27FC236}">
                      <a16:creationId xmlns:a16="http://schemas.microsoft.com/office/drawing/2014/main" id="{9E81D5A4-DB18-7C5B-5D7B-0116165E6505}"/>
                    </a:ext>
                  </a:extLst>
                </p:cNvPr>
                <p:cNvSpPr/>
                <p:nvPr/>
              </p:nvSpPr>
              <p:spPr>
                <a:xfrm>
                  <a:off x="3541383" y="4536718"/>
                  <a:ext cx="66707" cy="156019"/>
                </a:xfrm>
                <a:custGeom>
                  <a:avLst/>
                  <a:gdLst>
                    <a:gd name="connsiteX0" fmla="*/ 20344 w 66707"/>
                    <a:gd name="connsiteY0" fmla="*/ 156020 h 156019"/>
                    <a:gd name="connsiteX1" fmla="*/ 46888 w 66707"/>
                    <a:gd name="connsiteY1" fmla="*/ 0 h 156019"/>
                    <a:gd name="connsiteX2" fmla="*/ 20344 w 66707"/>
                    <a:gd name="connsiteY2" fmla="*/ 156020 h 156019"/>
                  </a:gdLst>
                  <a:ahLst/>
                  <a:cxnLst>
                    <a:cxn ang="0">
                      <a:pos x="connsiteX0" y="connsiteY0"/>
                    </a:cxn>
                    <a:cxn ang="0">
                      <a:pos x="connsiteX1" y="connsiteY1"/>
                    </a:cxn>
                    <a:cxn ang="0">
                      <a:pos x="connsiteX2" y="connsiteY2"/>
                    </a:cxn>
                  </a:cxnLst>
                  <a:rect l="l" t="t" r="r" b="b"/>
                  <a:pathLst>
                    <a:path w="66707" h="156019">
                      <a:moveTo>
                        <a:pt x="20344" y="156020"/>
                      </a:moveTo>
                      <a:cubicBezTo>
                        <a:pt x="20344" y="156020"/>
                        <a:pt x="103687" y="89345"/>
                        <a:pt x="46888" y="0"/>
                      </a:cubicBezTo>
                      <a:cubicBezTo>
                        <a:pt x="46888" y="0"/>
                        <a:pt x="-37692" y="66389"/>
                        <a:pt x="20344" y="156020"/>
                      </a:cubicBezTo>
                      <a:close/>
                    </a:path>
                  </a:pathLst>
                </a:custGeom>
                <a:solidFill>
                  <a:srgbClr val="BCBEC0"/>
                </a:solidFill>
                <a:ln w="9492" cap="flat">
                  <a:noFill/>
                  <a:prstDash val="solid"/>
                  <a:miter/>
                </a:ln>
              </p:spPr>
              <p:txBody>
                <a:bodyPr rtlCol="0" anchor="ctr"/>
                <a:lstStyle/>
                <a:p>
                  <a:endParaRPr lang="en-US"/>
                </a:p>
              </p:txBody>
            </p:sp>
            <p:sp>
              <p:nvSpPr>
                <p:cNvPr id="104" name="Freeform 103">
                  <a:extLst>
                    <a:ext uri="{FF2B5EF4-FFF2-40B4-BE49-F238E27FC236}">
                      <a16:creationId xmlns:a16="http://schemas.microsoft.com/office/drawing/2014/main" id="{B150D738-40DB-945D-4D76-C68E50555E9C}"/>
                    </a:ext>
                  </a:extLst>
                </p:cNvPr>
                <p:cNvSpPr/>
                <p:nvPr/>
              </p:nvSpPr>
              <p:spPr>
                <a:xfrm>
                  <a:off x="3813946" y="3775642"/>
                  <a:ext cx="126727" cy="82679"/>
                </a:xfrm>
                <a:custGeom>
                  <a:avLst/>
                  <a:gdLst>
                    <a:gd name="connsiteX0" fmla="*/ 126728 w 126727"/>
                    <a:gd name="connsiteY0" fmla="*/ 80133 h 82679"/>
                    <a:gd name="connsiteX1" fmla="*/ 0 w 126727"/>
                    <a:gd name="connsiteY1" fmla="*/ 2314 h 82679"/>
                    <a:gd name="connsiteX2" fmla="*/ 126728 w 126727"/>
                    <a:gd name="connsiteY2" fmla="*/ 80133 h 82679"/>
                  </a:gdLst>
                  <a:ahLst/>
                  <a:cxnLst>
                    <a:cxn ang="0">
                      <a:pos x="connsiteX0" y="connsiteY0"/>
                    </a:cxn>
                    <a:cxn ang="0">
                      <a:pos x="connsiteX1" y="connsiteY1"/>
                    </a:cxn>
                    <a:cxn ang="0">
                      <a:pos x="connsiteX2" y="connsiteY2"/>
                    </a:cxn>
                  </a:cxnLst>
                  <a:rect l="l" t="t" r="r" b="b"/>
                  <a:pathLst>
                    <a:path w="126727" h="82679">
                      <a:moveTo>
                        <a:pt x="126728" y="80133"/>
                      </a:moveTo>
                      <a:cubicBezTo>
                        <a:pt x="126728" y="80133"/>
                        <a:pt x="97805" y="-15974"/>
                        <a:pt x="0" y="2314"/>
                      </a:cubicBezTo>
                      <a:cubicBezTo>
                        <a:pt x="0" y="2314"/>
                        <a:pt x="28257" y="99469"/>
                        <a:pt x="126728" y="80133"/>
                      </a:cubicBezTo>
                      <a:close/>
                    </a:path>
                  </a:pathLst>
                </a:custGeom>
                <a:solidFill>
                  <a:srgbClr val="BCBEC0"/>
                </a:solidFill>
                <a:ln w="9492" cap="flat">
                  <a:noFill/>
                  <a:prstDash val="solid"/>
                  <a:miter/>
                </a:ln>
              </p:spPr>
              <p:txBody>
                <a:bodyPr rtlCol="0" anchor="ctr"/>
                <a:lstStyle/>
                <a:p>
                  <a:endParaRPr lang="en-US"/>
                </a:p>
              </p:txBody>
            </p:sp>
            <p:sp>
              <p:nvSpPr>
                <p:cNvPr id="105" name="Freeform 104">
                  <a:extLst>
                    <a:ext uri="{FF2B5EF4-FFF2-40B4-BE49-F238E27FC236}">
                      <a16:creationId xmlns:a16="http://schemas.microsoft.com/office/drawing/2014/main" id="{F231B91C-A742-E544-852C-F8D1A5D730ED}"/>
                    </a:ext>
                  </a:extLst>
                </p:cNvPr>
                <p:cNvSpPr/>
                <p:nvPr/>
              </p:nvSpPr>
              <p:spPr>
                <a:xfrm>
                  <a:off x="3632326" y="3818056"/>
                  <a:ext cx="60777" cy="125825"/>
                </a:xfrm>
                <a:custGeom>
                  <a:avLst/>
                  <a:gdLst>
                    <a:gd name="connsiteX0" fmla="*/ 9891 w 60777"/>
                    <a:gd name="connsiteY0" fmla="*/ 125825 h 125825"/>
                    <a:gd name="connsiteX1" fmla="*/ 51277 w 60777"/>
                    <a:gd name="connsiteY1" fmla="*/ 0 h 125825"/>
                    <a:gd name="connsiteX2" fmla="*/ 9891 w 60777"/>
                    <a:gd name="connsiteY2" fmla="*/ 125825 h 125825"/>
                  </a:gdLst>
                  <a:ahLst/>
                  <a:cxnLst>
                    <a:cxn ang="0">
                      <a:pos x="connsiteX0" y="connsiteY0"/>
                    </a:cxn>
                    <a:cxn ang="0">
                      <a:pos x="connsiteX1" y="connsiteY1"/>
                    </a:cxn>
                    <a:cxn ang="0">
                      <a:pos x="connsiteX2" y="connsiteY2"/>
                    </a:cxn>
                  </a:cxnLst>
                  <a:rect l="l" t="t" r="r" b="b"/>
                  <a:pathLst>
                    <a:path w="60777" h="125825">
                      <a:moveTo>
                        <a:pt x="9891" y="125825"/>
                      </a:moveTo>
                      <a:cubicBezTo>
                        <a:pt x="9891" y="125825"/>
                        <a:pt x="87145" y="81058"/>
                        <a:pt x="51277" y="0"/>
                      </a:cubicBezTo>
                      <a:cubicBezTo>
                        <a:pt x="51277" y="0"/>
                        <a:pt x="-27024" y="44387"/>
                        <a:pt x="9891" y="125825"/>
                      </a:cubicBezTo>
                      <a:close/>
                    </a:path>
                  </a:pathLst>
                </a:custGeom>
                <a:solidFill>
                  <a:srgbClr val="BCBEC0"/>
                </a:solidFill>
                <a:ln w="9492" cap="flat">
                  <a:noFill/>
                  <a:prstDash val="solid"/>
                  <a:miter/>
                </a:ln>
              </p:spPr>
              <p:txBody>
                <a:bodyPr rtlCol="0" anchor="ctr"/>
                <a:lstStyle/>
                <a:p>
                  <a:endParaRPr lang="en-US"/>
                </a:p>
              </p:txBody>
            </p:sp>
            <p:sp>
              <p:nvSpPr>
                <p:cNvPr id="106" name="Freeform 105">
                  <a:extLst>
                    <a:ext uri="{FF2B5EF4-FFF2-40B4-BE49-F238E27FC236}">
                      <a16:creationId xmlns:a16="http://schemas.microsoft.com/office/drawing/2014/main" id="{3D43CBAA-1749-CC03-0AD7-605AF3B235BA}"/>
                    </a:ext>
                  </a:extLst>
                </p:cNvPr>
                <p:cNvSpPr/>
                <p:nvPr/>
              </p:nvSpPr>
              <p:spPr>
                <a:xfrm>
                  <a:off x="4290982" y="4277654"/>
                  <a:ext cx="209785" cy="84549"/>
                </a:xfrm>
                <a:custGeom>
                  <a:avLst/>
                  <a:gdLst>
                    <a:gd name="connsiteX0" fmla="*/ 0 w 209785"/>
                    <a:gd name="connsiteY0" fmla="*/ 41418 h 84549"/>
                    <a:gd name="connsiteX1" fmla="*/ 209786 w 209785"/>
                    <a:gd name="connsiteY1" fmla="*/ 42370 h 84549"/>
                    <a:gd name="connsiteX2" fmla="*/ 0 w 209785"/>
                    <a:gd name="connsiteY2" fmla="*/ 41418 h 84549"/>
                  </a:gdLst>
                  <a:ahLst/>
                  <a:cxnLst>
                    <a:cxn ang="0">
                      <a:pos x="connsiteX0" y="connsiteY0"/>
                    </a:cxn>
                    <a:cxn ang="0">
                      <a:pos x="connsiteX1" y="connsiteY1"/>
                    </a:cxn>
                    <a:cxn ang="0">
                      <a:pos x="connsiteX2" y="connsiteY2"/>
                    </a:cxn>
                  </a:cxnLst>
                  <a:rect l="l" t="t" r="r" b="b"/>
                  <a:pathLst>
                    <a:path w="209785" h="84549">
                      <a:moveTo>
                        <a:pt x="0" y="41418"/>
                      </a:moveTo>
                      <a:cubicBezTo>
                        <a:pt x="0" y="41418"/>
                        <a:pt x="106082" y="-52404"/>
                        <a:pt x="209786" y="42370"/>
                      </a:cubicBezTo>
                      <a:cubicBezTo>
                        <a:pt x="209786" y="42370"/>
                        <a:pt x="103799" y="137906"/>
                        <a:pt x="0" y="41418"/>
                      </a:cubicBezTo>
                      <a:close/>
                    </a:path>
                  </a:pathLst>
                </a:custGeom>
                <a:solidFill>
                  <a:srgbClr val="BCBEC0"/>
                </a:solidFill>
                <a:ln w="9492" cap="flat">
                  <a:noFill/>
                  <a:prstDash val="solid"/>
                  <a:miter/>
                </a:ln>
              </p:spPr>
              <p:txBody>
                <a:bodyPr rtlCol="0" anchor="ctr"/>
                <a:lstStyle/>
                <a:p>
                  <a:endParaRPr lang="en-US"/>
                </a:p>
              </p:txBody>
            </p:sp>
            <p:sp>
              <p:nvSpPr>
                <p:cNvPr id="107" name="Freeform 106">
                  <a:extLst>
                    <a:ext uri="{FF2B5EF4-FFF2-40B4-BE49-F238E27FC236}">
                      <a16:creationId xmlns:a16="http://schemas.microsoft.com/office/drawing/2014/main" id="{CA813FDA-EAE5-5368-F7C7-A9F37430D8EB}"/>
                    </a:ext>
                  </a:extLst>
                </p:cNvPr>
                <p:cNvSpPr/>
                <p:nvPr/>
              </p:nvSpPr>
              <p:spPr>
                <a:xfrm>
                  <a:off x="4680965" y="4537248"/>
                  <a:ext cx="209500" cy="84374"/>
                </a:xfrm>
                <a:custGeom>
                  <a:avLst/>
                  <a:gdLst>
                    <a:gd name="connsiteX0" fmla="*/ 0 w 209500"/>
                    <a:gd name="connsiteY0" fmla="*/ 35855 h 84374"/>
                    <a:gd name="connsiteX1" fmla="*/ 209500 w 209500"/>
                    <a:gd name="connsiteY1" fmla="*/ 47762 h 84374"/>
                    <a:gd name="connsiteX2" fmla="*/ 0 w 209500"/>
                    <a:gd name="connsiteY2" fmla="*/ 35855 h 84374"/>
                  </a:gdLst>
                  <a:ahLst/>
                  <a:cxnLst>
                    <a:cxn ang="0">
                      <a:pos x="connsiteX0" y="connsiteY0"/>
                    </a:cxn>
                    <a:cxn ang="0">
                      <a:pos x="connsiteX1" y="connsiteY1"/>
                    </a:cxn>
                    <a:cxn ang="0">
                      <a:pos x="connsiteX2" y="connsiteY2"/>
                    </a:cxn>
                  </a:cxnLst>
                  <a:rect l="l" t="t" r="r" b="b"/>
                  <a:pathLst>
                    <a:path w="209500" h="84374">
                      <a:moveTo>
                        <a:pt x="0" y="35855"/>
                      </a:moveTo>
                      <a:cubicBezTo>
                        <a:pt x="0" y="35855"/>
                        <a:pt x="110839" y="-52251"/>
                        <a:pt x="209500" y="47762"/>
                      </a:cubicBezTo>
                      <a:cubicBezTo>
                        <a:pt x="209500" y="47762"/>
                        <a:pt x="98661" y="137582"/>
                        <a:pt x="0" y="35855"/>
                      </a:cubicBezTo>
                      <a:close/>
                    </a:path>
                  </a:pathLst>
                </a:custGeom>
                <a:solidFill>
                  <a:srgbClr val="BCBEC0"/>
                </a:solidFill>
                <a:ln w="9492" cap="flat">
                  <a:noFill/>
                  <a:prstDash val="solid"/>
                  <a:miter/>
                </a:ln>
              </p:spPr>
              <p:txBody>
                <a:bodyPr rtlCol="0" anchor="ctr"/>
                <a:lstStyle/>
                <a:p>
                  <a:endParaRPr lang="en-US"/>
                </a:p>
              </p:txBody>
            </p:sp>
            <p:sp>
              <p:nvSpPr>
                <p:cNvPr id="108" name="Freeform 107">
                  <a:extLst>
                    <a:ext uri="{FF2B5EF4-FFF2-40B4-BE49-F238E27FC236}">
                      <a16:creationId xmlns:a16="http://schemas.microsoft.com/office/drawing/2014/main" id="{2BA13542-0587-E603-CD1F-172DD86A9217}"/>
                    </a:ext>
                  </a:extLst>
                </p:cNvPr>
                <p:cNvSpPr/>
                <p:nvPr/>
              </p:nvSpPr>
              <p:spPr>
                <a:xfrm>
                  <a:off x="4253136" y="4330597"/>
                  <a:ext cx="54646" cy="131635"/>
                </a:xfrm>
                <a:custGeom>
                  <a:avLst/>
                  <a:gdLst>
                    <a:gd name="connsiteX0" fmla="*/ 34612 w 54646"/>
                    <a:gd name="connsiteY0" fmla="*/ 131636 h 131635"/>
                    <a:gd name="connsiteX1" fmla="*/ 19579 w 54646"/>
                    <a:gd name="connsiteY1" fmla="*/ 0 h 131635"/>
                    <a:gd name="connsiteX2" fmla="*/ 34612 w 54646"/>
                    <a:gd name="connsiteY2" fmla="*/ 131636 h 131635"/>
                  </a:gdLst>
                  <a:ahLst/>
                  <a:cxnLst>
                    <a:cxn ang="0">
                      <a:pos x="connsiteX0" y="connsiteY0"/>
                    </a:cxn>
                    <a:cxn ang="0">
                      <a:pos x="connsiteX1" y="connsiteY1"/>
                    </a:cxn>
                    <a:cxn ang="0">
                      <a:pos x="connsiteX2" y="connsiteY2"/>
                    </a:cxn>
                  </a:cxnLst>
                  <a:rect l="l" t="t" r="r" b="b"/>
                  <a:pathLst>
                    <a:path w="54646" h="131635">
                      <a:moveTo>
                        <a:pt x="34612" y="131636"/>
                      </a:moveTo>
                      <a:cubicBezTo>
                        <a:pt x="34612" y="131636"/>
                        <a:pt x="-31987" y="72104"/>
                        <a:pt x="19579" y="0"/>
                      </a:cubicBezTo>
                      <a:cubicBezTo>
                        <a:pt x="19579" y="0"/>
                        <a:pt x="87225" y="59341"/>
                        <a:pt x="34612" y="131636"/>
                      </a:cubicBezTo>
                      <a:close/>
                    </a:path>
                  </a:pathLst>
                </a:custGeom>
                <a:solidFill>
                  <a:srgbClr val="BCBEC0"/>
                </a:solidFill>
                <a:ln w="9492" cap="flat">
                  <a:noFill/>
                  <a:prstDash val="solid"/>
                  <a:miter/>
                </a:ln>
              </p:spPr>
              <p:txBody>
                <a:bodyPr rtlCol="0" anchor="ctr"/>
                <a:lstStyle/>
                <a:p>
                  <a:endParaRPr lang="en-US"/>
                </a:p>
              </p:txBody>
            </p:sp>
            <p:sp>
              <p:nvSpPr>
                <p:cNvPr id="109" name="Freeform 108">
                  <a:extLst>
                    <a:ext uri="{FF2B5EF4-FFF2-40B4-BE49-F238E27FC236}">
                      <a16:creationId xmlns:a16="http://schemas.microsoft.com/office/drawing/2014/main" id="{B817AD72-635D-FA7C-8312-57AB91CDF0F5}"/>
                    </a:ext>
                  </a:extLst>
                </p:cNvPr>
                <p:cNvSpPr/>
                <p:nvPr/>
              </p:nvSpPr>
              <p:spPr>
                <a:xfrm>
                  <a:off x="4108026" y="4265458"/>
                  <a:ext cx="117689" cy="66309"/>
                </a:xfrm>
                <a:custGeom>
                  <a:avLst/>
                  <a:gdLst>
                    <a:gd name="connsiteX0" fmla="*/ 117689 w 117689"/>
                    <a:gd name="connsiteY0" fmla="*/ 2750 h 66309"/>
                    <a:gd name="connsiteX1" fmla="*/ 0 w 117689"/>
                    <a:gd name="connsiteY1" fmla="*/ 63329 h 66309"/>
                    <a:gd name="connsiteX2" fmla="*/ 117689 w 117689"/>
                    <a:gd name="connsiteY2" fmla="*/ 2750 h 66309"/>
                  </a:gdLst>
                  <a:ahLst/>
                  <a:cxnLst>
                    <a:cxn ang="0">
                      <a:pos x="connsiteX0" y="connsiteY0"/>
                    </a:cxn>
                    <a:cxn ang="0">
                      <a:pos x="connsiteX1" y="connsiteY1"/>
                    </a:cxn>
                    <a:cxn ang="0">
                      <a:pos x="connsiteX2" y="connsiteY2"/>
                    </a:cxn>
                  </a:cxnLst>
                  <a:rect l="l" t="t" r="r" b="b"/>
                  <a:pathLst>
                    <a:path w="117689" h="66309">
                      <a:moveTo>
                        <a:pt x="117689" y="2750"/>
                      </a:moveTo>
                      <a:cubicBezTo>
                        <a:pt x="117689" y="2750"/>
                        <a:pt x="31206" y="-19634"/>
                        <a:pt x="0" y="63329"/>
                      </a:cubicBezTo>
                      <a:cubicBezTo>
                        <a:pt x="0" y="63329"/>
                        <a:pt x="86864" y="86665"/>
                        <a:pt x="117689" y="2750"/>
                      </a:cubicBezTo>
                      <a:close/>
                    </a:path>
                  </a:pathLst>
                </a:custGeom>
                <a:solidFill>
                  <a:srgbClr val="BCBEC0"/>
                </a:solidFill>
                <a:ln w="9492" cap="flat">
                  <a:noFill/>
                  <a:prstDash val="solid"/>
                  <a:miter/>
                </a:ln>
              </p:spPr>
              <p:txBody>
                <a:bodyPr rtlCol="0" anchor="ctr"/>
                <a:lstStyle/>
                <a:p>
                  <a:endParaRPr lang="en-US"/>
                </a:p>
              </p:txBody>
            </p:sp>
            <p:sp>
              <p:nvSpPr>
                <p:cNvPr id="110" name="Freeform 109">
                  <a:extLst>
                    <a:ext uri="{FF2B5EF4-FFF2-40B4-BE49-F238E27FC236}">
                      <a16:creationId xmlns:a16="http://schemas.microsoft.com/office/drawing/2014/main" id="{172E1D5B-60B1-1EB4-FA74-6341DB98E7FC}"/>
                    </a:ext>
                  </a:extLst>
                </p:cNvPr>
                <p:cNvSpPr/>
                <p:nvPr/>
              </p:nvSpPr>
              <p:spPr>
                <a:xfrm>
                  <a:off x="4081838" y="3601172"/>
                  <a:ext cx="63466" cy="123063"/>
                </a:xfrm>
                <a:custGeom>
                  <a:avLst/>
                  <a:gdLst>
                    <a:gd name="connsiteX0" fmla="*/ 7445 w 63466"/>
                    <a:gd name="connsiteY0" fmla="*/ 123063 h 123063"/>
                    <a:gd name="connsiteX1" fmla="*/ 56348 w 63466"/>
                    <a:gd name="connsiteY1" fmla="*/ 0 h 123063"/>
                    <a:gd name="connsiteX2" fmla="*/ 7445 w 63466"/>
                    <a:gd name="connsiteY2" fmla="*/ 123063 h 123063"/>
                  </a:gdLst>
                  <a:ahLst/>
                  <a:cxnLst>
                    <a:cxn ang="0">
                      <a:pos x="connsiteX0" y="connsiteY0"/>
                    </a:cxn>
                    <a:cxn ang="0">
                      <a:pos x="connsiteX1" y="connsiteY1"/>
                    </a:cxn>
                    <a:cxn ang="0">
                      <a:pos x="connsiteX2" y="connsiteY2"/>
                    </a:cxn>
                  </a:cxnLst>
                  <a:rect l="l" t="t" r="r" b="b"/>
                  <a:pathLst>
                    <a:path w="63466" h="123063">
                      <a:moveTo>
                        <a:pt x="7445" y="123063"/>
                      </a:moveTo>
                      <a:cubicBezTo>
                        <a:pt x="7445" y="123063"/>
                        <a:pt x="87268" y="83058"/>
                        <a:pt x="56348" y="0"/>
                      </a:cubicBezTo>
                      <a:cubicBezTo>
                        <a:pt x="56348" y="0"/>
                        <a:pt x="-24427" y="39529"/>
                        <a:pt x="7445" y="123063"/>
                      </a:cubicBezTo>
                      <a:close/>
                    </a:path>
                  </a:pathLst>
                </a:custGeom>
                <a:solidFill>
                  <a:srgbClr val="BCBEC0"/>
                </a:solidFill>
                <a:ln w="9492" cap="flat">
                  <a:noFill/>
                  <a:prstDash val="solid"/>
                  <a:miter/>
                </a:ln>
              </p:spPr>
              <p:txBody>
                <a:bodyPr rtlCol="0" anchor="ctr"/>
                <a:lstStyle/>
                <a:p>
                  <a:endParaRPr lang="en-US"/>
                </a:p>
              </p:txBody>
            </p:sp>
            <p:sp>
              <p:nvSpPr>
                <p:cNvPr id="111" name="Freeform 110">
                  <a:extLst>
                    <a:ext uri="{FF2B5EF4-FFF2-40B4-BE49-F238E27FC236}">
                      <a16:creationId xmlns:a16="http://schemas.microsoft.com/office/drawing/2014/main" id="{64581B62-633D-AC3F-6264-7DE737AC8E42}"/>
                    </a:ext>
                  </a:extLst>
                </p:cNvPr>
                <p:cNvSpPr/>
                <p:nvPr/>
              </p:nvSpPr>
              <p:spPr>
                <a:xfrm>
                  <a:off x="3642929" y="4287544"/>
                  <a:ext cx="83700" cy="140970"/>
                </a:xfrm>
                <a:custGeom>
                  <a:avLst/>
                  <a:gdLst>
                    <a:gd name="connsiteX0" fmla="*/ 4615 w 83700"/>
                    <a:gd name="connsiteY0" fmla="*/ 140970 h 140970"/>
                    <a:gd name="connsiteX1" fmla="*/ 79396 w 83700"/>
                    <a:gd name="connsiteY1" fmla="*/ 0 h 140970"/>
                    <a:gd name="connsiteX2" fmla="*/ 4615 w 83700"/>
                    <a:gd name="connsiteY2" fmla="*/ 140970 h 140970"/>
                  </a:gdLst>
                  <a:ahLst/>
                  <a:cxnLst>
                    <a:cxn ang="0">
                      <a:pos x="connsiteX0" y="connsiteY0"/>
                    </a:cxn>
                    <a:cxn ang="0">
                      <a:pos x="connsiteX1" y="connsiteY1"/>
                    </a:cxn>
                    <a:cxn ang="0">
                      <a:pos x="connsiteX2" y="connsiteY2"/>
                    </a:cxn>
                  </a:cxnLst>
                  <a:rect l="l" t="t" r="r" b="b"/>
                  <a:pathLst>
                    <a:path w="83700" h="140970">
                      <a:moveTo>
                        <a:pt x="4615" y="140970"/>
                      </a:moveTo>
                      <a:cubicBezTo>
                        <a:pt x="4615" y="140970"/>
                        <a:pt x="105465" y="103537"/>
                        <a:pt x="79396" y="0"/>
                      </a:cubicBezTo>
                      <a:cubicBezTo>
                        <a:pt x="79396" y="0"/>
                        <a:pt x="-22595" y="36767"/>
                        <a:pt x="4615" y="140970"/>
                      </a:cubicBezTo>
                      <a:close/>
                    </a:path>
                  </a:pathLst>
                </a:custGeom>
                <a:solidFill>
                  <a:srgbClr val="BCBEC0"/>
                </a:solidFill>
                <a:ln w="9492" cap="flat">
                  <a:noFill/>
                  <a:prstDash val="solid"/>
                  <a:miter/>
                </a:ln>
              </p:spPr>
              <p:txBody>
                <a:bodyPr rtlCol="0" anchor="ctr"/>
                <a:lstStyle/>
                <a:p>
                  <a:endParaRPr lang="en-US"/>
                </a:p>
              </p:txBody>
            </p:sp>
          </p:grpSp>
          <p:sp>
            <p:nvSpPr>
              <p:cNvPr id="16" name="Freeform 15">
                <a:extLst>
                  <a:ext uri="{FF2B5EF4-FFF2-40B4-BE49-F238E27FC236}">
                    <a16:creationId xmlns:a16="http://schemas.microsoft.com/office/drawing/2014/main" id="{BFACCEB0-583A-BF80-E9DE-7F0320F9B3BA}"/>
                  </a:ext>
                </a:extLst>
              </p:cNvPr>
              <p:cNvSpPr/>
              <p:nvPr/>
            </p:nvSpPr>
            <p:spPr>
              <a:xfrm>
                <a:off x="5268780" y="4226012"/>
                <a:ext cx="536" cy="15525"/>
              </a:xfrm>
              <a:custGeom>
                <a:avLst/>
                <a:gdLst>
                  <a:gd name="connsiteX0" fmla="*/ 536 w 536"/>
                  <a:gd name="connsiteY0" fmla="*/ 0 h 15525"/>
                  <a:gd name="connsiteX1" fmla="*/ 251 w 536"/>
                  <a:gd name="connsiteY1" fmla="*/ 15526 h 15525"/>
                  <a:gd name="connsiteX2" fmla="*/ 251 w 536"/>
                  <a:gd name="connsiteY2" fmla="*/ 14097 h 15525"/>
                  <a:gd name="connsiteX3" fmla="*/ 536 w 536"/>
                  <a:gd name="connsiteY3" fmla="*/ 0 h 15525"/>
                </a:gdLst>
                <a:ahLst/>
                <a:cxnLst>
                  <a:cxn ang="0">
                    <a:pos x="connsiteX0" y="connsiteY0"/>
                  </a:cxn>
                  <a:cxn ang="0">
                    <a:pos x="connsiteX1" y="connsiteY1"/>
                  </a:cxn>
                  <a:cxn ang="0">
                    <a:pos x="connsiteX2" y="connsiteY2"/>
                  </a:cxn>
                  <a:cxn ang="0">
                    <a:pos x="connsiteX3" y="connsiteY3"/>
                  </a:cxn>
                </a:cxnLst>
                <a:rect l="l" t="t" r="r" b="b"/>
                <a:pathLst>
                  <a:path w="536" h="15525">
                    <a:moveTo>
                      <a:pt x="536" y="0"/>
                    </a:moveTo>
                    <a:cubicBezTo>
                      <a:pt x="-225" y="286"/>
                      <a:pt x="-35" y="8573"/>
                      <a:pt x="251" y="15526"/>
                    </a:cubicBezTo>
                    <a:cubicBezTo>
                      <a:pt x="251" y="15050"/>
                      <a:pt x="251" y="14573"/>
                      <a:pt x="251" y="14097"/>
                    </a:cubicBezTo>
                    <a:cubicBezTo>
                      <a:pt x="251" y="11716"/>
                      <a:pt x="60" y="191"/>
                      <a:pt x="536" y="0"/>
                    </a:cubicBezTo>
                    <a:close/>
                  </a:path>
                </a:pathLst>
              </a:custGeom>
              <a:solidFill>
                <a:srgbClr val="052460"/>
              </a:solidFill>
              <a:ln w="9492" cap="flat">
                <a:noFill/>
                <a:prstDash val="solid"/>
                <a:miter/>
              </a:ln>
            </p:spPr>
            <p:txBody>
              <a:bodyPr rtlCol="0" anchor="ctr"/>
              <a:lstStyle/>
              <a:p>
                <a:endParaRPr lang="en-US"/>
              </a:p>
            </p:txBody>
          </p:sp>
          <p:sp>
            <p:nvSpPr>
              <p:cNvPr id="17" name="Freeform 16">
                <a:extLst>
                  <a:ext uri="{FF2B5EF4-FFF2-40B4-BE49-F238E27FC236}">
                    <a16:creationId xmlns:a16="http://schemas.microsoft.com/office/drawing/2014/main" id="{AB2BB133-361C-C60F-F751-5BD8616866B9}"/>
                  </a:ext>
                </a:extLst>
              </p:cNvPr>
              <p:cNvSpPr/>
              <p:nvPr/>
            </p:nvSpPr>
            <p:spPr>
              <a:xfrm>
                <a:off x="2630393" y="4226012"/>
                <a:ext cx="786" cy="17811"/>
              </a:xfrm>
              <a:custGeom>
                <a:avLst/>
                <a:gdLst>
                  <a:gd name="connsiteX0" fmla="*/ 0 w 786"/>
                  <a:gd name="connsiteY0" fmla="*/ 0 h 17811"/>
                  <a:gd name="connsiteX1" fmla="*/ 285 w 786"/>
                  <a:gd name="connsiteY1" fmla="*/ 14097 h 17811"/>
                  <a:gd name="connsiteX2" fmla="*/ 285 w 786"/>
                  <a:gd name="connsiteY2" fmla="*/ 17812 h 17811"/>
                  <a:gd name="connsiteX3" fmla="*/ 0 w 786"/>
                  <a:gd name="connsiteY3" fmla="*/ 0 h 17811"/>
                </a:gdLst>
                <a:ahLst/>
                <a:cxnLst>
                  <a:cxn ang="0">
                    <a:pos x="connsiteX0" y="connsiteY0"/>
                  </a:cxn>
                  <a:cxn ang="0">
                    <a:pos x="connsiteX1" y="connsiteY1"/>
                  </a:cxn>
                  <a:cxn ang="0">
                    <a:pos x="connsiteX2" y="connsiteY2"/>
                  </a:cxn>
                  <a:cxn ang="0">
                    <a:pos x="connsiteX3" y="connsiteY3"/>
                  </a:cxn>
                </a:cxnLst>
                <a:rect l="l" t="t" r="r" b="b"/>
                <a:pathLst>
                  <a:path w="786" h="17811">
                    <a:moveTo>
                      <a:pt x="0" y="0"/>
                    </a:moveTo>
                    <a:cubicBezTo>
                      <a:pt x="0" y="0"/>
                      <a:pt x="285" y="11335"/>
                      <a:pt x="285" y="14097"/>
                    </a:cubicBezTo>
                    <a:cubicBezTo>
                      <a:pt x="285" y="15335"/>
                      <a:pt x="285" y="16574"/>
                      <a:pt x="285" y="17812"/>
                    </a:cubicBezTo>
                    <a:cubicBezTo>
                      <a:pt x="761" y="10763"/>
                      <a:pt x="1237" y="1048"/>
                      <a:pt x="0" y="0"/>
                    </a:cubicBezTo>
                    <a:close/>
                  </a:path>
                </a:pathLst>
              </a:custGeom>
              <a:solidFill>
                <a:srgbClr val="052460"/>
              </a:solidFill>
              <a:ln w="9492" cap="flat">
                <a:noFill/>
                <a:prstDash val="solid"/>
                <a:miter/>
              </a:ln>
            </p:spPr>
            <p:txBody>
              <a:bodyPr rtlCol="0" anchor="ctr"/>
              <a:lstStyle/>
              <a:p>
                <a:endParaRPr lang="en-US"/>
              </a:p>
            </p:txBody>
          </p:sp>
          <p:sp>
            <p:nvSpPr>
              <p:cNvPr id="19" name="Freeform 18">
                <a:extLst>
                  <a:ext uri="{FF2B5EF4-FFF2-40B4-BE49-F238E27FC236}">
                    <a16:creationId xmlns:a16="http://schemas.microsoft.com/office/drawing/2014/main" id="{18234989-8CEE-0766-444E-8B39031EA2BA}"/>
                  </a:ext>
                </a:extLst>
              </p:cNvPr>
              <p:cNvSpPr/>
              <p:nvPr/>
            </p:nvSpPr>
            <p:spPr>
              <a:xfrm>
                <a:off x="3062999" y="3945501"/>
                <a:ext cx="190947" cy="124110"/>
              </a:xfrm>
              <a:custGeom>
                <a:avLst/>
                <a:gdLst>
                  <a:gd name="connsiteX0" fmla="*/ 26925 w 190947"/>
                  <a:gd name="connsiteY0" fmla="*/ 123254 h 124110"/>
                  <a:gd name="connsiteX1" fmla="*/ 28733 w 190947"/>
                  <a:gd name="connsiteY1" fmla="*/ 124111 h 124110"/>
                  <a:gd name="connsiteX2" fmla="*/ 190948 w 190947"/>
                  <a:gd name="connsiteY2" fmla="*/ 31909 h 124110"/>
                  <a:gd name="connsiteX3" fmla="*/ 186476 w 190947"/>
                  <a:gd name="connsiteY3" fmla="*/ 0 h 124110"/>
                  <a:gd name="connsiteX4" fmla="*/ 0 w 190947"/>
                  <a:gd name="connsiteY4" fmla="*/ 106013 h 124110"/>
                  <a:gd name="connsiteX5" fmla="*/ 26925 w 190947"/>
                  <a:gd name="connsiteY5" fmla="*/ 123254 h 1241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90947" h="124110">
                    <a:moveTo>
                      <a:pt x="26925" y="123254"/>
                    </a:moveTo>
                    <a:cubicBezTo>
                      <a:pt x="27496" y="123539"/>
                      <a:pt x="28162" y="123825"/>
                      <a:pt x="28733" y="124111"/>
                    </a:cubicBezTo>
                    <a:lnTo>
                      <a:pt x="190948" y="31909"/>
                    </a:lnTo>
                    <a:cubicBezTo>
                      <a:pt x="189996" y="21241"/>
                      <a:pt x="188664" y="10573"/>
                      <a:pt x="186476" y="0"/>
                    </a:cubicBezTo>
                    <a:lnTo>
                      <a:pt x="0" y="106013"/>
                    </a:lnTo>
                    <a:cubicBezTo>
                      <a:pt x="8468" y="112776"/>
                      <a:pt x="17506" y="118681"/>
                      <a:pt x="26925" y="123254"/>
                    </a:cubicBezTo>
                    <a:close/>
                  </a:path>
                </a:pathLst>
              </a:custGeom>
              <a:noFill/>
              <a:ln w="9492" cap="flat">
                <a:noFill/>
                <a:prstDash val="solid"/>
                <a:miter/>
              </a:ln>
            </p:spPr>
            <p:txBody>
              <a:bodyPr rtlCol="0" anchor="ctr"/>
              <a:lstStyle/>
              <a:p>
                <a:endParaRPr lang="en-US"/>
              </a:p>
            </p:txBody>
          </p:sp>
          <p:sp>
            <p:nvSpPr>
              <p:cNvPr id="20" name="Freeform 19">
                <a:extLst>
                  <a:ext uri="{FF2B5EF4-FFF2-40B4-BE49-F238E27FC236}">
                    <a16:creationId xmlns:a16="http://schemas.microsoft.com/office/drawing/2014/main" id="{CA3978BB-0BB9-5D15-0F07-A0007DD03650}"/>
                  </a:ext>
                </a:extLst>
              </p:cNvPr>
              <p:cNvSpPr/>
              <p:nvPr/>
            </p:nvSpPr>
            <p:spPr>
              <a:xfrm>
                <a:off x="3142917" y="4027797"/>
                <a:ext cx="112171" cy="95726"/>
              </a:xfrm>
              <a:custGeom>
                <a:avLst/>
                <a:gdLst>
                  <a:gd name="connsiteX0" fmla="*/ 105036 w 112171"/>
                  <a:gd name="connsiteY0" fmla="*/ 95726 h 95726"/>
                  <a:gd name="connsiteX1" fmla="*/ 110744 w 112171"/>
                  <a:gd name="connsiteY1" fmla="*/ 43720 h 95726"/>
                  <a:gd name="connsiteX2" fmla="*/ 66979 w 112171"/>
                  <a:gd name="connsiteY2" fmla="*/ 68771 h 95726"/>
                  <a:gd name="connsiteX3" fmla="*/ 65172 w 112171"/>
                  <a:gd name="connsiteY3" fmla="*/ 69247 h 95726"/>
                  <a:gd name="connsiteX4" fmla="*/ 62032 w 112171"/>
                  <a:gd name="connsiteY4" fmla="*/ 67437 h 95726"/>
                  <a:gd name="connsiteX5" fmla="*/ 63364 w 112171"/>
                  <a:gd name="connsiteY5" fmla="*/ 62579 h 95726"/>
                  <a:gd name="connsiteX6" fmla="*/ 111125 w 112171"/>
                  <a:gd name="connsiteY6" fmla="*/ 35147 h 95726"/>
                  <a:gd name="connsiteX7" fmla="*/ 111315 w 112171"/>
                  <a:gd name="connsiteY7" fmla="*/ 31052 h 95726"/>
                  <a:gd name="connsiteX8" fmla="*/ 112171 w 112171"/>
                  <a:gd name="connsiteY8" fmla="*/ 0 h 95726"/>
                  <a:gd name="connsiteX9" fmla="*/ 0 w 112171"/>
                  <a:gd name="connsiteY9" fmla="*/ 63627 h 95726"/>
                  <a:gd name="connsiteX10" fmla="*/ 104845 w 112171"/>
                  <a:gd name="connsiteY10" fmla="*/ 95536 h 957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12171" h="95726">
                    <a:moveTo>
                      <a:pt x="105036" y="95726"/>
                    </a:moveTo>
                    <a:cubicBezTo>
                      <a:pt x="106653" y="84296"/>
                      <a:pt x="109317" y="62865"/>
                      <a:pt x="110744" y="43720"/>
                    </a:cubicBezTo>
                    <a:lnTo>
                      <a:pt x="66979" y="68771"/>
                    </a:lnTo>
                    <a:cubicBezTo>
                      <a:pt x="66408" y="69056"/>
                      <a:pt x="65838" y="69247"/>
                      <a:pt x="65172" y="69247"/>
                    </a:cubicBezTo>
                    <a:cubicBezTo>
                      <a:pt x="63935" y="69247"/>
                      <a:pt x="62698" y="68580"/>
                      <a:pt x="62032" y="67437"/>
                    </a:cubicBezTo>
                    <a:cubicBezTo>
                      <a:pt x="61080" y="65723"/>
                      <a:pt x="61651" y="63532"/>
                      <a:pt x="63364" y="62579"/>
                    </a:cubicBezTo>
                    <a:lnTo>
                      <a:pt x="111125" y="35147"/>
                    </a:lnTo>
                    <a:cubicBezTo>
                      <a:pt x="111125" y="33814"/>
                      <a:pt x="111315" y="32385"/>
                      <a:pt x="111315" y="31052"/>
                    </a:cubicBezTo>
                    <a:cubicBezTo>
                      <a:pt x="111695" y="20955"/>
                      <a:pt x="111981" y="10573"/>
                      <a:pt x="112171" y="0"/>
                    </a:cubicBezTo>
                    <a:lnTo>
                      <a:pt x="0" y="63627"/>
                    </a:lnTo>
                    <a:cubicBezTo>
                      <a:pt x="35868" y="77248"/>
                      <a:pt x="70595" y="86963"/>
                      <a:pt x="104845" y="95536"/>
                    </a:cubicBezTo>
                    <a:close/>
                  </a:path>
                </a:pathLst>
              </a:custGeom>
              <a:noFill/>
              <a:ln w="9492" cap="flat">
                <a:noFill/>
                <a:prstDash val="solid"/>
                <a:miter/>
              </a:ln>
            </p:spPr>
            <p:txBody>
              <a:bodyPr rtlCol="0" anchor="ctr"/>
              <a:lstStyle/>
              <a:p>
                <a:endParaRPr lang="en-US"/>
              </a:p>
            </p:txBody>
          </p:sp>
          <p:sp>
            <p:nvSpPr>
              <p:cNvPr id="21" name="Freeform 20">
                <a:extLst>
                  <a:ext uri="{FF2B5EF4-FFF2-40B4-BE49-F238E27FC236}">
                    <a16:creationId xmlns:a16="http://schemas.microsoft.com/office/drawing/2014/main" id="{F4D17084-35E0-1FBF-BFFC-6E27B6317D52}"/>
                  </a:ext>
                </a:extLst>
              </p:cNvPr>
              <p:cNvSpPr/>
              <p:nvPr/>
            </p:nvSpPr>
            <p:spPr>
              <a:xfrm>
                <a:off x="3099628" y="3985316"/>
                <a:ext cx="155745" cy="102965"/>
              </a:xfrm>
              <a:custGeom>
                <a:avLst/>
                <a:gdLst>
                  <a:gd name="connsiteX0" fmla="*/ 34917 w 155745"/>
                  <a:gd name="connsiteY0" fmla="*/ 102870 h 102965"/>
                  <a:gd name="connsiteX1" fmla="*/ 155746 w 155745"/>
                  <a:gd name="connsiteY1" fmla="*/ 34290 h 102965"/>
                  <a:gd name="connsiteX2" fmla="*/ 154889 w 155745"/>
                  <a:gd name="connsiteY2" fmla="*/ 0 h 102965"/>
                  <a:gd name="connsiteX3" fmla="*/ 0 w 155745"/>
                  <a:gd name="connsiteY3" fmla="*/ 88011 h 102965"/>
                  <a:gd name="connsiteX4" fmla="*/ 34822 w 155745"/>
                  <a:gd name="connsiteY4" fmla="*/ 102965 h 10296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5745" h="102965">
                    <a:moveTo>
                      <a:pt x="34917" y="102870"/>
                    </a:moveTo>
                    <a:lnTo>
                      <a:pt x="155746" y="34290"/>
                    </a:lnTo>
                    <a:cubicBezTo>
                      <a:pt x="155746" y="22955"/>
                      <a:pt x="155746" y="11525"/>
                      <a:pt x="154889" y="0"/>
                    </a:cubicBezTo>
                    <a:lnTo>
                      <a:pt x="0" y="88011"/>
                    </a:lnTo>
                    <a:cubicBezTo>
                      <a:pt x="11702" y="93536"/>
                      <a:pt x="23310" y="98393"/>
                      <a:pt x="34822" y="102965"/>
                    </a:cubicBezTo>
                    <a:close/>
                  </a:path>
                </a:pathLst>
              </a:custGeom>
              <a:noFill/>
              <a:ln w="9492" cap="flat">
                <a:noFill/>
                <a:prstDash val="solid"/>
                <a:miter/>
              </a:ln>
            </p:spPr>
            <p:txBody>
              <a:bodyPr rtlCol="0" anchor="ctr"/>
              <a:lstStyle/>
              <a:p>
                <a:endParaRPr lang="en-US"/>
              </a:p>
            </p:txBody>
          </p:sp>
          <p:sp>
            <p:nvSpPr>
              <p:cNvPr id="22" name="Freeform 21">
                <a:extLst>
                  <a:ext uri="{FF2B5EF4-FFF2-40B4-BE49-F238E27FC236}">
                    <a16:creationId xmlns:a16="http://schemas.microsoft.com/office/drawing/2014/main" id="{343CFF63-B406-096D-3345-751FBA6D72EF}"/>
                  </a:ext>
                </a:extLst>
              </p:cNvPr>
              <p:cNvSpPr/>
              <p:nvPr/>
            </p:nvSpPr>
            <p:spPr>
              <a:xfrm>
                <a:off x="3484473" y="4392414"/>
                <a:ext cx="117689" cy="88391"/>
              </a:xfrm>
              <a:custGeom>
                <a:avLst/>
                <a:gdLst>
                  <a:gd name="connsiteX0" fmla="*/ 36058 w 117689"/>
                  <a:gd name="connsiteY0" fmla="*/ 74390 h 88391"/>
                  <a:gd name="connsiteX1" fmla="*/ 81916 w 117689"/>
                  <a:gd name="connsiteY1" fmla="*/ 42672 h 88391"/>
                  <a:gd name="connsiteX2" fmla="*/ 86864 w 117689"/>
                  <a:gd name="connsiteY2" fmla="*/ 43625 h 88391"/>
                  <a:gd name="connsiteX3" fmla="*/ 85912 w 117689"/>
                  <a:gd name="connsiteY3" fmla="*/ 48577 h 88391"/>
                  <a:gd name="connsiteX4" fmla="*/ 45287 w 117689"/>
                  <a:gd name="connsiteY4" fmla="*/ 76676 h 88391"/>
                  <a:gd name="connsiteX5" fmla="*/ 96473 w 117689"/>
                  <a:gd name="connsiteY5" fmla="*/ 85535 h 88391"/>
                  <a:gd name="connsiteX6" fmla="*/ 117689 w 117689"/>
                  <a:gd name="connsiteY6" fmla="*/ 88392 h 88391"/>
                  <a:gd name="connsiteX7" fmla="*/ 91050 w 117689"/>
                  <a:gd name="connsiteY7" fmla="*/ 0 h 88391"/>
                  <a:gd name="connsiteX8" fmla="*/ 0 w 117689"/>
                  <a:gd name="connsiteY8" fmla="*/ 63151 h 88391"/>
                  <a:gd name="connsiteX9" fmla="*/ 35868 w 117689"/>
                  <a:gd name="connsiteY9" fmla="*/ 74390 h 883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17689" h="88391">
                    <a:moveTo>
                      <a:pt x="36058" y="74390"/>
                    </a:moveTo>
                    <a:lnTo>
                      <a:pt x="81916" y="42672"/>
                    </a:lnTo>
                    <a:cubicBezTo>
                      <a:pt x="83534" y="41529"/>
                      <a:pt x="85722" y="42005"/>
                      <a:pt x="86864" y="43625"/>
                    </a:cubicBezTo>
                    <a:cubicBezTo>
                      <a:pt x="88005" y="45244"/>
                      <a:pt x="87530" y="47435"/>
                      <a:pt x="85912" y="48577"/>
                    </a:cubicBezTo>
                    <a:lnTo>
                      <a:pt x="45287" y="76676"/>
                    </a:lnTo>
                    <a:cubicBezTo>
                      <a:pt x="63078" y="80677"/>
                      <a:pt x="80489" y="83344"/>
                      <a:pt x="96473" y="85535"/>
                    </a:cubicBezTo>
                    <a:cubicBezTo>
                      <a:pt x="103228" y="86487"/>
                      <a:pt x="110554" y="87440"/>
                      <a:pt x="117689" y="88392"/>
                    </a:cubicBezTo>
                    <a:cubicBezTo>
                      <a:pt x="108936" y="56864"/>
                      <a:pt x="99803" y="26003"/>
                      <a:pt x="91050" y="0"/>
                    </a:cubicBezTo>
                    <a:lnTo>
                      <a:pt x="0" y="63151"/>
                    </a:lnTo>
                    <a:cubicBezTo>
                      <a:pt x="11893" y="67723"/>
                      <a:pt x="23880" y="71438"/>
                      <a:pt x="35868" y="74390"/>
                    </a:cubicBezTo>
                    <a:close/>
                  </a:path>
                </a:pathLst>
              </a:custGeom>
              <a:noFill/>
              <a:ln w="9492" cap="flat">
                <a:noFill/>
                <a:prstDash val="solid"/>
                <a:miter/>
              </a:ln>
            </p:spPr>
            <p:txBody>
              <a:bodyPr rtlCol="0" anchor="ctr"/>
              <a:lstStyle/>
              <a:p>
                <a:endParaRPr lang="en-US"/>
              </a:p>
            </p:txBody>
          </p:sp>
          <p:sp>
            <p:nvSpPr>
              <p:cNvPr id="23" name="Freeform 22">
                <a:extLst>
                  <a:ext uri="{FF2B5EF4-FFF2-40B4-BE49-F238E27FC236}">
                    <a16:creationId xmlns:a16="http://schemas.microsoft.com/office/drawing/2014/main" id="{22144C4F-F358-468F-5457-147DEE447061}"/>
                  </a:ext>
                </a:extLst>
              </p:cNvPr>
              <p:cNvSpPr/>
              <p:nvPr/>
            </p:nvSpPr>
            <p:spPr>
              <a:xfrm>
                <a:off x="4170915" y="3988649"/>
                <a:ext cx="152796" cy="144779"/>
              </a:xfrm>
              <a:custGeom>
                <a:avLst/>
                <a:gdLst>
                  <a:gd name="connsiteX0" fmla="*/ 32824 w 152796"/>
                  <a:gd name="connsiteY0" fmla="*/ 140494 h 144779"/>
                  <a:gd name="connsiteX1" fmla="*/ 34536 w 152796"/>
                  <a:gd name="connsiteY1" fmla="*/ 144780 h 144779"/>
                  <a:gd name="connsiteX2" fmla="*/ 95521 w 152796"/>
                  <a:gd name="connsiteY2" fmla="*/ 114014 h 144779"/>
                  <a:gd name="connsiteX3" fmla="*/ 116452 w 152796"/>
                  <a:gd name="connsiteY3" fmla="*/ 101632 h 144779"/>
                  <a:gd name="connsiteX4" fmla="*/ 43670 w 152796"/>
                  <a:gd name="connsiteY4" fmla="*/ 64389 h 144779"/>
                  <a:gd name="connsiteX5" fmla="*/ 42147 w 152796"/>
                  <a:gd name="connsiteY5" fmla="*/ 59627 h 144779"/>
                  <a:gd name="connsiteX6" fmla="*/ 46904 w 152796"/>
                  <a:gd name="connsiteY6" fmla="*/ 58102 h 144779"/>
                  <a:gd name="connsiteX7" fmla="*/ 123683 w 152796"/>
                  <a:gd name="connsiteY7" fmla="*/ 97346 h 144779"/>
                  <a:gd name="connsiteX8" fmla="*/ 152796 w 152796"/>
                  <a:gd name="connsiteY8" fmla="*/ 78391 h 144779"/>
                  <a:gd name="connsiteX9" fmla="*/ 0 w 152796"/>
                  <a:gd name="connsiteY9" fmla="*/ 0 h 144779"/>
                  <a:gd name="connsiteX10" fmla="*/ 32824 w 152796"/>
                  <a:gd name="connsiteY10" fmla="*/ 140589 h 14477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2796" h="144779">
                    <a:moveTo>
                      <a:pt x="32824" y="140494"/>
                    </a:moveTo>
                    <a:cubicBezTo>
                      <a:pt x="33394" y="141923"/>
                      <a:pt x="33965" y="143351"/>
                      <a:pt x="34536" y="144780"/>
                    </a:cubicBezTo>
                    <a:cubicBezTo>
                      <a:pt x="45668" y="139637"/>
                      <a:pt x="75352" y="125825"/>
                      <a:pt x="95521" y="114014"/>
                    </a:cubicBezTo>
                    <a:cubicBezTo>
                      <a:pt x="102372" y="110014"/>
                      <a:pt x="109412" y="105823"/>
                      <a:pt x="116452" y="101632"/>
                    </a:cubicBezTo>
                    <a:lnTo>
                      <a:pt x="43670" y="64389"/>
                    </a:lnTo>
                    <a:cubicBezTo>
                      <a:pt x="41957" y="63532"/>
                      <a:pt x="41196" y="61341"/>
                      <a:pt x="42147" y="59627"/>
                    </a:cubicBezTo>
                    <a:cubicBezTo>
                      <a:pt x="43004" y="57912"/>
                      <a:pt x="45192" y="57150"/>
                      <a:pt x="46904" y="58102"/>
                    </a:cubicBezTo>
                    <a:lnTo>
                      <a:pt x="123683" y="97346"/>
                    </a:lnTo>
                    <a:cubicBezTo>
                      <a:pt x="133483" y="91345"/>
                      <a:pt x="143282" y="85058"/>
                      <a:pt x="152796" y="78391"/>
                    </a:cubicBezTo>
                    <a:lnTo>
                      <a:pt x="0" y="0"/>
                    </a:lnTo>
                    <a:cubicBezTo>
                      <a:pt x="1903" y="49340"/>
                      <a:pt x="16935" y="98203"/>
                      <a:pt x="32824" y="140589"/>
                    </a:cubicBezTo>
                    <a:close/>
                  </a:path>
                </a:pathLst>
              </a:custGeom>
              <a:noFill/>
              <a:ln w="9492" cap="flat">
                <a:noFill/>
                <a:prstDash val="solid"/>
                <a:miter/>
              </a:ln>
            </p:spPr>
            <p:txBody>
              <a:bodyPr rtlCol="0" anchor="ctr"/>
              <a:lstStyle/>
              <a:p>
                <a:endParaRPr lang="en-US"/>
              </a:p>
            </p:txBody>
          </p:sp>
          <p:sp>
            <p:nvSpPr>
              <p:cNvPr id="24" name="Freeform 23">
                <a:extLst>
                  <a:ext uri="{FF2B5EF4-FFF2-40B4-BE49-F238E27FC236}">
                    <a16:creationId xmlns:a16="http://schemas.microsoft.com/office/drawing/2014/main" id="{EEB7095F-6535-AD24-DC34-41AAE33C3C26}"/>
                  </a:ext>
                </a:extLst>
              </p:cNvPr>
              <p:cNvSpPr/>
              <p:nvPr/>
            </p:nvSpPr>
            <p:spPr>
              <a:xfrm>
                <a:off x="3624520" y="3641558"/>
                <a:ext cx="136812" cy="116585"/>
              </a:xfrm>
              <a:custGeom>
                <a:avLst/>
                <a:gdLst>
                  <a:gd name="connsiteX0" fmla="*/ 60510 w 136812"/>
                  <a:gd name="connsiteY0" fmla="*/ 112776 h 116585"/>
                  <a:gd name="connsiteX1" fmla="*/ 63174 w 136812"/>
                  <a:gd name="connsiteY1" fmla="*/ 116586 h 116585"/>
                  <a:gd name="connsiteX2" fmla="*/ 107319 w 136812"/>
                  <a:gd name="connsiteY2" fmla="*/ 79439 h 116585"/>
                  <a:gd name="connsiteX3" fmla="*/ 58702 w 136812"/>
                  <a:gd name="connsiteY3" fmla="*/ 61436 h 116585"/>
                  <a:gd name="connsiteX4" fmla="*/ 56609 w 136812"/>
                  <a:gd name="connsiteY4" fmla="*/ 56864 h 116585"/>
                  <a:gd name="connsiteX5" fmla="*/ 61176 w 136812"/>
                  <a:gd name="connsiteY5" fmla="*/ 54769 h 116585"/>
                  <a:gd name="connsiteX6" fmla="*/ 113027 w 136812"/>
                  <a:gd name="connsiteY6" fmla="*/ 74009 h 116585"/>
                  <a:gd name="connsiteX7" fmla="*/ 115025 w 136812"/>
                  <a:gd name="connsiteY7" fmla="*/ 72104 h 116585"/>
                  <a:gd name="connsiteX8" fmla="*/ 136813 w 136812"/>
                  <a:gd name="connsiteY8" fmla="*/ 50006 h 116585"/>
                  <a:gd name="connsiteX9" fmla="*/ 0 w 136812"/>
                  <a:gd name="connsiteY9" fmla="*/ 0 h 116585"/>
                  <a:gd name="connsiteX10" fmla="*/ 60510 w 136812"/>
                  <a:gd name="connsiteY10" fmla="*/ 112871 h 1165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36812" h="116585">
                    <a:moveTo>
                      <a:pt x="60510" y="112776"/>
                    </a:moveTo>
                    <a:cubicBezTo>
                      <a:pt x="61366" y="114110"/>
                      <a:pt x="62317" y="115348"/>
                      <a:pt x="63174" y="116586"/>
                    </a:cubicBezTo>
                    <a:cubicBezTo>
                      <a:pt x="71451" y="110109"/>
                      <a:pt x="91430" y="94298"/>
                      <a:pt x="107319" y="79439"/>
                    </a:cubicBezTo>
                    <a:lnTo>
                      <a:pt x="58702" y="61436"/>
                    </a:lnTo>
                    <a:cubicBezTo>
                      <a:pt x="56894" y="60769"/>
                      <a:pt x="55943" y="58674"/>
                      <a:pt x="56609" y="56864"/>
                    </a:cubicBezTo>
                    <a:cubicBezTo>
                      <a:pt x="57275" y="55055"/>
                      <a:pt x="59368" y="54102"/>
                      <a:pt x="61176" y="54769"/>
                    </a:cubicBezTo>
                    <a:lnTo>
                      <a:pt x="113027" y="74009"/>
                    </a:lnTo>
                    <a:cubicBezTo>
                      <a:pt x="113693" y="73343"/>
                      <a:pt x="114359" y="72676"/>
                      <a:pt x="115025" y="72104"/>
                    </a:cubicBezTo>
                    <a:cubicBezTo>
                      <a:pt x="122066" y="64961"/>
                      <a:pt x="129392" y="57626"/>
                      <a:pt x="136813" y="50006"/>
                    </a:cubicBezTo>
                    <a:lnTo>
                      <a:pt x="0" y="0"/>
                    </a:lnTo>
                    <a:cubicBezTo>
                      <a:pt x="14557" y="41434"/>
                      <a:pt x="37771" y="79629"/>
                      <a:pt x="60510" y="112871"/>
                    </a:cubicBezTo>
                    <a:close/>
                  </a:path>
                </a:pathLst>
              </a:custGeom>
              <a:noFill/>
              <a:ln w="9492" cap="flat">
                <a:noFill/>
                <a:prstDash val="solid"/>
                <a:miter/>
              </a:ln>
            </p:spPr>
            <p:txBody>
              <a:bodyPr rtlCol="0" anchor="ctr"/>
              <a:lstStyle/>
              <a:p>
                <a:endParaRPr lang="en-US"/>
              </a:p>
            </p:txBody>
          </p:sp>
          <p:sp>
            <p:nvSpPr>
              <p:cNvPr id="25" name="Freeform 24">
                <a:extLst>
                  <a:ext uri="{FF2B5EF4-FFF2-40B4-BE49-F238E27FC236}">
                    <a16:creationId xmlns:a16="http://schemas.microsoft.com/office/drawing/2014/main" id="{7EDF1042-4841-93C9-656E-9C9D6903C160}"/>
                  </a:ext>
                </a:extLst>
              </p:cNvPr>
              <p:cNvSpPr/>
              <p:nvPr/>
            </p:nvSpPr>
            <p:spPr>
              <a:xfrm>
                <a:off x="3612913" y="3597172"/>
                <a:ext cx="175725" cy="88773"/>
              </a:xfrm>
              <a:custGeom>
                <a:avLst/>
                <a:gdLst>
                  <a:gd name="connsiteX0" fmla="*/ 8658 w 175725"/>
                  <a:gd name="connsiteY0" fmla="*/ 35719 h 88773"/>
                  <a:gd name="connsiteX1" fmla="*/ 153748 w 175725"/>
                  <a:gd name="connsiteY1" fmla="*/ 88773 h 88773"/>
                  <a:gd name="connsiteX2" fmla="*/ 175725 w 175725"/>
                  <a:gd name="connsiteY2" fmla="*/ 64389 h 88773"/>
                  <a:gd name="connsiteX3" fmla="*/ 0 w 175725"/>
                  <a:gd name="connsiteY3" fmla="*/ 0 h 88773"/>
                  <a:gd name="connsiteX4" fmla="*/ 8563 w 175725"/>
                  <a:gd name="connsiteY4" fmla="*/ 35719 h 8877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5725" h="88773">
                    <a:moveTo>
                      <a:pt x="8658" y="35719"/>
                    </a:moveTo>
                    <a:lnTo>
                      <a:pt x="153748" y="88773"/>
                    </a:lnTo>
                    <a:cubicBezTo>
                      <a:pt x="161169" y="80963"/>
                      <a:pt x="168590" y="72866"/>
                      <a:pt x="175725" y="64389"/>
                    </a:cubicBezTo>
                    <a:lnTo>
                      <a:pt x="0" y="0"/>
                    </a:lnTo>
                    <a:cubicBezTo>
                      <a:pt x="1998" y="12097"/>
                      <a:pt x="4947" y="24003"/>
                      <a:pt x="8563" y="35719"/>
                    </a:cubicBezTo>
                    <a:close/>
                  </a:path>
                </a:pathLst>
              </a:custGeom>
              <a:noFill/>
              <a:ln w="9492" cap="flat">
                <a:noFill/>
                <a:prstDash val="solid"/>
                <a:miter/>
              </a:ln>
            </p:spPr>
            <p:txBody>
              <a:bodyPr rtlCol="0" anchor="ctr"/>
              <a:lstStyle/>
              <a:p>
                <a:endParaRPr lang="en-US"/>
              </a:p>
            </p:txBody>
          </p:sp>
          <p:grpSp>
            <p:nvGrpSpPr>
              <p:cNvPr id="26" name="Graphic 12">
                <a:extLst>
                  <a:ext uri="{FF2B5EF4-FFF2-40B4-BE49-F238E27FC236}">
                    <a16:creationId xmlns:a16="http://schemas.microsoft.com/office/drawing/2014/main" id="{9FC6EA63-7D85-0F22-91D7-7E423696895C}"/>
                  </a:ext>
                </a:extLst>
              </p:cNvPr>
              <p:cNvGrpSpPr/>
              <p:nvPr/>
            </p:nvGrpSpPr>
            <p:grpSpPr>
              <a:xfrm>
                <a:off x="2994497" y="3446105"/>
                <a:ext cx="1726046" cy="1103852"/>
                <a:chOff x="2994497" y="3446105"/>
                <a:chExt cx="1726046" cy="1103852"/>
              </a:xfrm>
              <a:solidFill>
                <a:srgbClr val="B3B3B3"/>
              </a:solidFill>
            </p:grpSpPr>
            <p:sp>
              <p:nvSpPr>
                <p:cNvPr id="49" name="Freeform 48">
                  <a:extLst>
                    <a:ext uri="{FF2B5EF4-FFF2-40B4-BE49-F238E27FC236}">
                      <a16:creationId xmlns:a16="http://schemas.microsoft.com/office/drawing/2014/main" id="{E2097A92-1112-BF76-4D84-6BE3B4BC7A19}"/>
                    </a:ext>
                  </a:extLst>
                </p:cNvPr>
                <p:cNvSpPr/>
                <p:nvPr/>
              </p:nvSpPr>
              <p:spPr>
                <a:xfrm>
                  <a:off x="3125143" y="3869682"/>
                  <a:ext cx="95313" cy="57530"/>
                </a:xfrm>
                <a:custGeom>
                  <a:avLst/>
                  <a:gdLst>
                    <a:gd name="connsiteX0" fmla="*/ 1790 w 95313"/>
                    <a:gd name="connsiteY0" fmla="*/ 50863 h 57530"/>
                    <a:gd name="connsiteX1" fmla="*/ 458 w 95313"/>
                    <a:gd name="connsiteY1" fmla="*/ 55721 h 57530"/>
                    <a:gd name="connsiteX2" fmla="*/ 3598 w 95313"/>
                    <a:gd name="connsiteY2" fmla="*/ 57531 h 57530"/>
                    <a:gd name="connsiteX3" fmla="*/ 5310 w 95313"/>
                    <a:gd name="connsiteY3" fmla="*/ 57055 h 57530"/>
                    <a:gd name="connsiteX4" fmla="*/ 95314 w 95313"/>
                    <a:gd name="connsiteY4" fmla="*/ 5905 h 57530"/>
                    <a:gd name="connsiteX5" fmla="*/ 91223 w 95313"/>
                    <a:gd name="connsiteY5" fmla="*/ 0 h 57530"/>
                    <a:gd name="connsiteX6" fmla="*/ 1790 w 95313"/>
                    <a:gd name="connsiteY6" fmla="*/ 50863 h 57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5313" h="57530">
                      <a:moveTo>
                        <a:pt x="1790" y="50863"/>
                      </a:moveTo>
                      <a:cubicBezTo>
                        <a:pt x="78" y="51816"/>
                        <a:pt x="-493" y="54007"/>
                        <a:pt x="458" y="55721"/>
                      </a:cubicBezTo>
                      <a:cubicBezTo>
                        <a:pt x="1124" y="56864"/>
                        <a:pt x="2266" y="57531"/>
                        <a:pt x="3598" y="57531"/>
                      </a:cubicBezTo>
                      <a:cubicBezTo>
                        <a:pt x="4264" y="57531"/>
                        <a:pt x="4835" y="57340"/>
                        <a:pt x="5310" y="57055"/>
                      </a:cubicBezTo>
                      <a:lnTo>
                        <a:pt x="95314" y="5905"/>
                      </a:lnTo>
                      <a:cubicBezTo>
                        <a:pt x="93982" y="3905"/>
                        <a:pt x="92650" y="2000"/>
                        <a:pt x="91223" y="0"/>
                      </a:cubicBezTo>
                      <a:lnTo>
                        <a:pt x="1790" y="50863"/>
                      </a:lnTo>
                      <a:close/>
                    </a:path>
                  </a:pathLst>
                </a:custGeom>
                <a:solidFill>
                  <a:srgbClr val="B3B3B3"/>
                </a:solidFill>
                <a:ln w="9492" cap="flat">
                  <a:noFill/>
                  <a:prstDash val="solid"/>
                  <a:miter/>
                </a:ln>
              </p:spPr>
              <p:txBody>
                <a:bodyPr rtlCol="0" anchor="ctr"/>
                <a:lstStyle/>
                <a:p>
                  <a:endParaRPr lang="en-US"/>
                </a:p>
              </p:txBody>
            </p:sp>
            <p:sp>
              <p:nvSpPr>
                <p:cNvPr id="50" name="Freeform 49">
                  <a:extLst>
                    <a:ext uri="{FF2B5EF4-FFF2-40B4-BE49-F238E27FC236}">
                      <a16:creationId xmlns:a16="http://schemas.microsoft.com/office/drawing/2014/main" id="{BF276C87-6693-5BA1-35A0-1B90A3FC02F1}"/>
                    </a:ext>
                  </a:extLst>
                </p:cNvPr>
                <p:cNvSpPr/>
                <p:nvPr/>
              </p:nvSpPr>
              <p:spPr>
                <a:xfrm>
                  <a:off x="3104783" y="3842250"/>
                  <a:ext cx="90937" cy="53625"/>
                </a:xfrm>
                <a:custGeom>
                  <a:avLst/>
                  <a:gdLst>
                    <a:gd name="connsiteX0" fmla="*/ 1790 w 90937"/>
                    <a:gd name="connsiteY0" fmla="*/ 46958 h 53625"/>
                    <a:gd name="connsiteX1" fmla="*/ 458 w 90937"/>
                    <a:gd name="connsiteY1" fmla="*/ 51816 h 53625"/>
                    <a:gd name="connsiteX2" fmla="*/ 3598 w 90937"/>
                    <a:gd name="connsiteY2" fmla="*/ 53626 h 53625"/>
                    <a:gd name="connsiteX3" fmla="*/ 5311 w 90937"/>
                    <a:gd name="connsiteY3" fmla="*/ 53149 h 53625"/>
                    <a:gd name="connsiteX4" fmla="*/ 89796 w 90937"/>
                    <a:gd name="connsiteY4" fmla="*/ 5905 h 53625"/>
                    <a:gd name="connsiteX5" fmla="*/ 90937 w 90937"/>
                    <a:gd name="connsiteY5" fmla="*/ 4763 h 53625"/>
                    <a:gd name="connsiteX6" fmla="*/ 85609 w 90937"/>
                    <a:gd name="connsiteY6" fmla="*/ 0 h 53625"/>
                    <a:gd name="connsiteX7" fmla="*/ 1790 w 90937"/>
                    <a:gd name="connsiteY7" fmla="*/ 46863 h 536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0937" h="53625">
                      <a:moveTo>
                        <a:pt x="1790" y="46958"/>
                      </a:moveTo>
                      <a:cubicBezTo>
                        <a:pt x="78" y="47911"/>
                        <a:pt x="-493" y="50101"/>
                        <a:pt x="458" y="51816"/>
                      </a:cubicBezTo>
                      <a:cubicBezTo>
                        <a:pt x="1124" y="52959"/>
                        <a:pt x="2266" y="53626"/>
                        <a:pt x="3598" y="53626"/>
                      </a:cubicBezTo>
                      <a:cubicBezTo>
                        <a:pt x="4264" y="53626"/>
                        <a:pt x="4835" y="53435"/>
                        <a:pt x="5311" y="53149"/>
                      </a:cubicBezTo>
                      <a:lnTo>
                        <a:pt x="89796" y="5905"/>
                      </a:lnTo>
                      <a:cubicBezTo>
                        <a:pt x="90271" y="5620"/>
                        <a:pt x="90652" y="5239"/>
                        <a:pt x="90937" y="4763"/>
                      </a:cubicBezTo>
                      <a:cubicBezTo>
                        <a:pt x="89225" y="3143"/>
                        <a:pt x="87417" y="1619"/>
                        <a:pt x="85609" y="0"/>
                      </a:cubicBezTo>
                      <a:lnTo>
                        <a:pt x="1790" y="46863"/>
                      </a:lnTo>
                      <a:close/>
                    </a:path>
                  </a:pathLst>
                </a:custGeom>
                <a:solidFill>
                  <a:srgbClr val="B3B3B3"/>
                </a:solidFill>
                <a:ln w="9492" cap="flat">
                  <a:noFill/>
                  <a:prstDash val="solid"/>
                  <a:miter/>
                </a:ln>
              </p:spPr>
              <p:txBody>
                <a:bodyPr rtlCol="0" anchor="ctr"/>
                <a:lstStyle/>
                <a:p>
                  <a:endParaRPr lang="en-US"/>
                </a:p>
              </p:txBody>
            </p:sp>
            <p:sp>
              <p:nvSpPr>
                <p:cNvPr id="51" name="Freeform 50">
                  <a:extLst>
                    <a:ext uri="{FF2B5EF4-FFF2-40B4-BE49-F238E27FC236}">
                      <a16:creationId xmlns:a16="http://schemas.microsoft.com/office/drawing/2014/main" id="{A016B5EC-A4DD-6E3B-A1D2-BBEADA14DCF6}"/>
                    </a:ext>
                  </a:extLst>
                </p:cNvPr>
                <p:cNvSpPr/>
                <p:nvPr/>
              </p:nvSpPr>
              <p:spPr>
                <a:xfrm>
                  <a:off x="3204681" y="4062944"/>
                  <a:ext cx="49551" cy="34099"/>
                </a:xfrm>
                <a:custGeom>
                  <a:avLst/>
                  <a:gdLst>
                    <a:gd name="connsiteX0" fmla="*/ 363 w 49551"/>
                    <a:gd name="connsiteY0" fmla="*/ 32290 h 34099"/>
                    <a:gd name="connsiteX1" fmla="*/ 3503 w 49551"/>
                    <a:gd name="connsiteY1" fmla="*/ 34099 h 34099"/>
                    <a:gd name="connsiteX2" fmla="*/ 5311 w 49551"/>
                    <a:gd name="connsiteY2" fmla="*/ 33623 h 34099"/>
                    <a:gd name="connsiteX3" fmla="*/ 49075 w 49551"/>
                    <a:gd name="connsiteY3" fmla="*/ 8572 h 34099"/>
                    <a:gd name="connsiteX4" fmla="*/ 49551 w 49551"/>
                    <a:gd name="connsiteY4" fmla="*/ 0 h 34099"/>
                    <a:gd name="connsiteX5" fmla="*/ 1790 w 49551"/>
                    <a:gd name="connsiteY5" fmla="*/ 27432 h 34099"/>
                    <a:gd name="connsiteX6" fmla="*/ 458 w 49551"/>
                    <a:gd name="connsiteY6" fmla="*/ 32290 h 3409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551" h="34099">
                      <a:moveTo>
                        <a:pt x="363" y="32290"/>
                      </a:moveTo>
                      <a:cubicBezTo>
                        <a:pt x="1029" y="33433"/>
                        <a:pt x="2171" y="34099"/>
                        <a:pt x="3503" y="34099"/>
                      </a:cubicBezTo>
                      <a:cubicBezTo>
                        <a:pt x="4169" y="34099"/>
                        <a:pt x="4740" y="33909"/>
                        <a:pt x="5311" y="33623"/>
                      </a:cubicBezTo>
                      <a:lnTo>
                        <a:pt x="49075" y="8572"/>
                      </a:lnTo>
                      <a:cubicBezTo>
                        <a:pt x="49266" y="5620"/>
                        <a:pt x="49456" y="2857"/>
                        <a:pt x="49551" y="0"/>
                      </a:cubicBezTo>
                      <a:lnTo>
                        <a:pt x="1790" y="27432"/>
                      </a:lnTo>
                      <a:cubicBezTo>
                        <a:pt x="78" y="28384"/>
                        <a:pt x="-493" y="30575"/>
                        <a:pt x="458" y="32290"/>
                      </a:cubicBezTo>
                      <a:close/>
                    </a:path>
                  </a:pathLst>
                </a:custGeom>
                <a:solidFill>
                  <a:srgbClr val="B3B3B3"/>
                </a:solidFill>
                <a:ln w="9492" cap="flat">
                  <a:noFill/>
                  <a:prstDash val="solid"/>
                  <a:miter/>
                </a:ln>
              </p:spPr>
              <p:txBody>
                <a:bodyPr rtlCol="0" anchor="ctr"/>
                <a:lstStyle/>
                <a:p>
                  <a:endParaRPr lang="en-US"/>
                </a:p>
              </p:txBody>
            </p:sp>
            <p:sp>
              <p:nvSpPr>
                <p:cNvPr id="52" name="Freeform 51">
                  <a:extLst>
                    <a:ext uri="{FF2B5EF4-FFF2-40B4-BE49-F238E27FC236}">
                      <a16:creationId xmlns:a16="http://schemas.microsoft.com/office/drawing/2014/main" id="{56EC1EFC-AF9B-7F22-0A88-8E66A98E254E}"/>
                    </a:ext>
                  </a:extLst>
                </p:cNvPr>
                <p:cNvSpPr/>
                <p:nvPr/>
              </p:nvSpPr>
              <p:spPr>
                <a:xfrm>
                  <a:off x="3134545" y="4019605"/>
                  <a:ext cx="120828" cy="71913"/>
                </a:xfrm>
                <a:custGeom>
                  <a:avLst/>
                  <a:gdLst>
                    <a:gd name="connsiteX0" fmla="*/ 8563 w 120828"/>
                    <a:gd name="connsiteY0" fmla="*/ 71914 h 71913"/>
                    <a:gd name="connsiteX1" fmla="*/ 120734 w 120828"/>
                    <a:gd name="connsiteY1" fmla="*/ 8287 h 71913"/>
                    <a:gd name="connsiteX2" fmla="*/ 120829 w 120828"/>
                    <a:gd name="connsiteY2" fmla="*/ 0 h 71913"/>
                    <a:gd name="connsiteX3" fmla="*/ 0 w 120828"/>
                    <a:gd name="connsiteY3" fmla="*/ 68580 h 71913"/>
                    <a:gd name="connsiteX4" fmla="*/ 8563 w 120828"/>
                    <a:gd name="connsiteY4" fmla="*/ 71914 h 7191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0828" h="71913">
                      <a:moveTo>
                        <a:pt x="8563" y="71914"/>
                      </a:moveTo>
                      <a:lnTo>
                        <a:pt x="120734" y="8287"/>
                      </a:lnTo>
                      <a:cubicBezTo>
                        <a:pt x="120734" y="5525"/>
                        <a:pt x="120734" y="2762"/>
                        <a:pt x="120829" y="0"/>
                      </a:cubicBezTo>
                      <a:lnTo>
                        <a:pt x="0" y="68580"/>
                      </a:lnTo>
                      <a:cubicBezTo>
                        <a:pt x="2854" y="69723"/>
                        <a:pt x="5708" y="70771"/>
                        <a:pt x="8563" y="71914"/>
                      </a:cubicBezTo>
                      <a:close/>
                    </a:path>
                  </a:pathLst>
                </a:custGeom>
                <a:solidFill>
                  <a:srgbClr val="B3B3B3"/>
                </a:solidFill>
                <a:ln w="9492" cap="flat">
                  <a:noFill/>
                  <a:prstDash val="solid"/>
                  <a:miter/>
                </a:ln>
              </p:spPr>
              <p:txBody>
                <a:bodyPr rtlCol="0" anchor="ctr"/>
                <a:lstStyle/>
                <a:p>
                  <a:endParaRPr lang="en-US"/>
                </a:p>
              </p:txBody>
            </p:sp>
            <p:sp>
              <p:nvSpPr>
                <p:cNvPr id="53" name="Freeform 52">
                  <a:extLst>
                    <a:ext uri="{FF2B5EF4-FFF2-40B4-BE49-F238E27FC236}">
                      <a16:creationId xmlns:a16="http://schemas.microsoft.com/office/drawing/2014/main" id="{91E69552-AE31-DF80-DE52-F78B2F364C90}"/>
                    </a:ext>
                  </a:extLst>
                </p:cNvPr>
                <p:cNvSpPr/>
                <p:nvPr/>
              </p:nvSpPr>
              <p:spPr>
                <a:xfrm>
                  <a:off x="3091826" y="3977315"/>
                  <a:ext cx="162786" cy="95916"/>
                </a:xfrm>
                <a:custGeom>
                  <a:avLst/>
                  <a:gdLst>
                    <a:gd name="connsiteX0" fmla="*/ 7897 w 162786"/>
                    <a:gd name="connsiteY0" fmla="*/ 95917 h 95916"/>
                    <a:gd name="connsiteX1" fmla="*/ 162786 w 162786"/>
                    <a:gd name="connsiteY1" fmla="*/ 7906 h 95916"/>
                    <a:gd name="connsiteX2" fmla="*/ 162215 w 162786"/>
                    <a:gd name="connsiteY2" fmla="*/ 0 h 95916"/>
                    <a:gd name="connsiteX3" fmla="*/ 0 w 162786"/>
                    <a:gd name="connsiteY3" fmla="*/ 92202 h 95916"/>
                    <a:gd name="connsiteX4" fmla="*/ 7897 w 162786"/>
                    <a:gd name="connsiteY4" fmla="*/ 95917 h 9591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2786" h="95916">
                      <a:moveTo>
                        <a:pt x="7897" y="95917"/>
                      </a:moveTo>
                      <a:lnTo>
                        <a:pt x="162786" y="7906"/>
                      </a:lnTo>
                      <a:cubicBezTo>
                        <a:pt x="162596" y="5239"/>
                        <a:pt x="162406" y="2667"/>
                        <a:pt x="162215" y="0"/>
                      </a:cubicBezTo>
                      <a:lnTo>
                        <a:pt x="0" y="92202"/>
                      </a:lnTo>
                      <a:cubicBezTo>
                        <a:pt x="2664" y="93535"/>
                        <a:pt x="5328" y="94678"/>
                        <a:pt x="7897" y="95917"/>
                      </a:cubicBezTo>
                      <a:close/>
                    </a:path>
                  </a:pathLst>
                </a:custGeom>
                <a:solidFill>
                  <a:srgbClr val="B3B3B3"/>
                </a:solidFill>
                <a:ln w="9492" cap="flat">
                  <a:noFill/>
                  <a:prstDash val="solid"/>
                  <a:miter/>
                </a:ln>
              </p:spPr>
              <p:txBody>
                <a:bodyPr rtlCol="0" anchor="ctr"/>
                <a:lstStyle/>
                <a:p>
                  <a:endParaRPr lang="en-US"/>
                </a:p>
              </p:txBody>
            </p:sp>
            <p:sp>
              <p:nvSpPr>
                <p:cNvPr id="54" name="Freeform 53">
                  <a:extLst>
                    <a:ext uri="{FF2B5EF4-FFF2-40B4-BE49-F238E27FC236}">
                      <a16:creationId xmlns:a16="http://schemas.microsoft.com/office/drawing/2014/main" id="{E57FCF39-7600-9626-F789-97BB96992D7E}"/>
                    </a:ext>
                  </a:extLst>
                </p:cNvPr>
                <p:cNvSpPr/>
                <p:nvPr/>
              </p:nvSpPr>
              <p:spPr>
                <a:xfrm>
                  <a:off x="3057195" y="3938262"/>
                  <a:ext cx="192279" cy="113157"/>
                </a:xfrm>
                <a:custGeom>
                  <a:avLst/>
                  <a:gdLst>
                    <a:gd name="connsiteX0" fmla="*/ 192280 w 192279"/>
                    <a:gd name="connsiteY0" fmla="*/ 7239 h 113157"/>
                    <a:gd name="connsiteX1" fmla="*/ 190472 w 192279"/>
                    <a:gd name="connsiteY1" fmla="*/ 0 h 113157"/>
                    <a:gd name="connsiteX2" fmla="*/ 0 w 192279"/>
                    <a:gd name="connsiteY2" fmla="*/ 108299 h 113157"/>
                    <a:gd name="connsiteX3" fmla="*/ 5804 w 192279"/>
                    <a:gd name="connsiteY3" fmla="*/ 113157 h 113157"/>
                    <a:gd name="connsiteX4" fmla="*/ 192280 w 192279"/>
                    <a:gd name="connsiteY4" fmla="*/ 7144 h 11315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92279" h="113157">
                      <a:moveTo>
                        <a:pt x="192280" y="7239"/>
                      </a:moveTo>
                      <a:cubicBezTo>
                        <a:pt x="191804" y="4858"/>
                        <a:pt x="191043" y="2477"/>
                        <a:pt x="190472" y="0"/>
                      </a:cubicBezTo>
                      <a:lnTo>
                        <a:pt x="0" y="108299"/>
                      </a:lnTo>
                      <a:cubicBezTo>
                        <a:pt x="1903" y="110014"/>
                        <a:pt x="3901" y="111633"/>
                        <a:pt x="5804" y="113157"/>
                      </a:cubicBezTo>
                      <a:lnTo>
                        <a:pt x="192280" y="7144"/>
                      </a:lnTo>
                      <a:close/>
                    </a:path>
                  </a:pathLst>
                </a:custGeom>
                <a:solidFill>
                  <a:srgbClr val="B3B3B3"/>
                </a:solidFill>
                <a:ln w="9492" cap="flat">
                  <a:noFill/>
                  <a:prstDash val="solid"/>
                  <a:miter/>
                </a:ln>
              </p:spPr>
              <p:txBody>
                <a:bodyPr rtlCol="0" anchor="ctr"/>
                <a:lstStyle/>
                <a:p>
                  <a:endParaRPr lang="en-US"/>
                </a:p>
              </p:txBody>
            </p:sp>
            <p:sp>
              <p:nvSpPr>
                <p:cNvPr id="55" name="Freeform 54">
                  <a:extLst>
                    <a:ext uri="{FF2B5EF4-FFF2-40B4-BE49-F238E27FC236}">
                      <a16:creationId xmlns:a16="http://schemas.microsoft.com/office/drawing/2014/main" id="{E4CBD8D8-8EFB-63B0-4ABA-6D883B477F2C}"/>
                    </a:ext>
                  </a:extLst>
                </p:cNvPr>
                <p:cNvSpPr/>
                <p:nvPr/>
              </p:nvSpPr>
              <p:spPr>
                <a:xfrm>
                  <a:off x="3030461" y="3995048"/>
                  <a:ext cx="45840" cy="29129"/>
                </a:xfrm>
                <a:custGeom>
                  <a:avLst/>
                  <a:gdLst>
                    <a:gd name="connsiteX0" fmla="*/ 44050 w 45840"/>
                    <a:gd name="connsiteY0" fmla="*/ 6650 h 29129"/>
                    <a:gd name="connsiteX1" fmla="*/ 45382 w 45840"/>
                    <a:gd name="connsiteY1" fmla="*/ 1792 h 29129"/>
                    <a:gd name="connsiteX2" fmla="*/ 40530 w 45840"/>
                    <a:gd name="connsiteY2" fmla="*/ 459 h 29129"/>
                    <a:gd name="connsiteX3" fmla="*/ 0 w 45840"/>
                    <a:gd name="connsiteY3" fmla="*/ 23509 h 29129"/>
                    <a:gd name="connsiteX4" fmla="*/ 4567 w 45840"/>
                    <a:gd name="connsiteY4" fmla="*/ 29129 h 29129"/>
                    <a:gd name="connsiteX5" fmla="*/ 44050 w 45840"/>
                    <a:gd name="connsiteY5" fmla="*/ 6650 h 29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5840" h="29129">
                      <a:moveTo>
                        <a:pt x="44050" y="6650"/>
                      </a:moveTo>
                      <a:cubicBezTo>
                        <a:pt x="45763" y="5698"/>
                        <a:pt x="46334" y="3507"/>
                        <a:pt x="45382" y="1792"/>
                      </a:cubicBezTo>
                      <a:cubicBezTo>
                        <a:pt x="44431" y="78"/>
                        <a:pt x="42243" y="-494"/>
                        <a:pt x="40530" y="459"/>
                      </a:cubicBezTo>
                      <a:lnTo>
                        <a:pt x="0" y="23509"/>
                      </a:lnTo>
                      <a:cubicBezTo>
                        <a:pt x="1522" y="25414"/>
                        <a:pt x="3045" y="27319"/>
                        <a:pt x="4567" y="29129"/>
                      </a:cubicBezTo>
                      <a:lnTo>
                        <a:pt x="44050" y="6650"/>
                      </a:lnTo>
                      <a:close/>
                    </a:path>
                  </a:pathLst>
                </a:custGeom>
                <a:solidFill>
                  <a:srgbClr val="B3B3B3"/>
                </a:solidFill>
                <a:ln w="9492" cap="flat">
                  <a:noFill/>
                  <a:prstDash val="solid"/>
                  <a:miter/>
                </a:ln>
              </p:spPr>
              <p:txBody>
                <a:bodyPr rtlCol="0" anchor="ctr"/>
                <a:lstStyle/>
                <a:p>
                  <a:endParaRPr lang="en-US"/>
                </a:p>
              </p:txBody>
            </p:sp>
            <p:sp>
              <p:nvSpPr>
                <p:cNvPr id="56" name="Freeform 55">
                  <a:extLst>
                    <a:ext uri="{FF2B5EF4-FFF2-40B4-BE49-F238E27FC236}">
                      <a16:creationId xmlns:a16="http://schemas.microsoft.com/office/drawing/2014/main" id="{FBEEFF12-93B3-1956-37A7-2DAEC288BE1C}"/>
                    </a:ext>
                  </a:extLst>
                </p:cNvPr>
                <p:cNvSpPr/>
                <p:nvPr/>
              </p:nvSpPr>
              <p:spPr>
                <a:xfrm>
                  <a:off x="3010005" y="3965426"/>
                  <a:ext cx="42415" cy="27986"/>
                </a:xfrm>
                <a:custGeom>
                  <a:avLst/>
                  <a:gdLst>
                    <a:gd name="connsiteX0" fmla="*/ 40625 w 42415"/>
                    <a:gd name="connsiteY0" fmla="*/ 6650 h 27986"/>
                    <a:gd name="connsiteX1" fmla="*/ 41957 w 42415"/>
                    <a:gd name="connsiteY1" fmla="*/ 1792 h 27986"/>
                    <a:gd name="connsiteX2" fmla="*/ 37105 w 42415"/>
                    <a:gd name="connsiteY2" fmla="*/ 459 h 27986"/>
                    <a:gd name="connsiteX3" fmla="*/ 0 w 42415"/>
                    <a:gd name="connsiteY3" fmla="*/ 21700 h 27986"/>
                    <a:gd name="connsiteX4" fmla="*/ 3330 w 42415"/>
                    <a:gd name="connsiteY4" fmla="*/ 27986 h 27986"/>
                    <a:gd name="connsiteX5" fmla="*/ 40625 w 42415"/>
                    <a:gd name="connsiteY5" fmla="*/ 6650 h 279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2415" h="27986">
                      <a:moveTo>
                        <a:pt x="40625" y="6650"/>
                      </a:moveTo>
                      <a:cubicBezTo>
                        <a:pt x="42338" y="5698"/>
                        <a:pt x="42909" y="3507"/>
                        <a:pt x="41957" y="1792"/>
                      </a:cubicBezTo>
                      <a:cubicBezTo>
                        <a:pt x="41006" y="78"/>
                        <a:pt x="38818" y="-494"/>
                        <a:pt x="37105" y="459"/>
                      </a:cubicBezTo>
                      <a:lnTo>
                        <a:pt x="0" y="21700"/>
                      </a:lnTo>
                      <a:cubicBezTo>
                        <a:pt x="1142" y="23795"/>
                        <a:pt x="2188" y="25986"/>
                        <a:pt x="3330" y="27986"/>
                      </a:cubicBezTo>
                      <a:lnTo>
                        <a:pt x="40625" y="6650"/>
                      </a:lnTo>
                      <a:close/>
                    </a:path>
                  </a:pathLst>
                </a:custGeom>
                <a:solidFill>
                  <a:srgbClr val="B3B3B3"/>
                </a:solidFill>
                <a:ln w="9492" cap="flat">
                  <a:noFill/>
                  <a:prstDash val="solid"/>
                  <a:miter/>
                </a:ln>
              </p:spPr>
              <p:txBody>
                <a:bodyPr rtlCol="0" anchor="ctr"/>
                <a:lstStyle/>
                <a:p>
                  <a:endParaRPr lang="en-US"/>
                </a:p>
              </p:txBody>
            </p:sp>
            <p:sp>
              <p:nvSpPr>
                <p:cNvPr id="57" name="Freeform 56">
                  <a:extLst>
                    <a:ext uri="{FF2B5EF4-FFF2-40B4-BE49-F238E27FC236}">
                      <a16:creationId xmlns:a16="http://schemas.microsoft.com/office/drawing/2014/main" id="{323487AA-6212-4B59-A4A4-83A23742E2EA}"/>
                    </a:ext>
                  </a:extLst>
                </p:cNvPr>
                <p:cNvSpPr/>
                <p:nvPr/>
              </p:nvSpPr>
              <p:spPr>
                <a:xfrm>
                  <a:off x="2994497" y="3932279"/>
                  <a:ext cx="41368" cy="27700"/>
                </a:xfrm>
                <a:custGeom>
                  <a:avLst/>
                  <a:gdLst>
                    <a:gd name="connsiteX0" fmla="*/ 39579 w 41368"/>
                    <a:gd name="connsiteY0" fmla="*/ 6650 h 27700"/>
                    <a:gd name="connsiteX1" fmla="*/ 40911 w 41368"/>
                    <a:gd name="connsiteY1" fmla="*/ 1792 h 27700"/>
                    <a:gd name="connsiteX2" fmla="*/ 36058 w 41368"/>
                    <a:gd name="connsiteY2" fmla="*/ 459 h 27700"/>
                    <a:gd name="connsiteX3" fmla="*/ 0 w 41368"/>
                    <a:gd name="connsiteY3" fmla="*/ 20938 h 27700"/>
                    <a:gd name="connsiteX4" fmla="*/ 2569 w 41368"/>
                    <a:gd name="connsiteY4" fmla="*/ 27700 h 27700"/>
                    <a:gd name="connsiteX5" fmla="*/ 39579 w 41368"/>
                    <a:gd name="connsiteY5" fmla="*/ 6650 h 277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1368" h="27700">
                      <a:moveTo>
                        <a:pt x="39579" y="6650"/>
                      </a:moveTo>
                      <a:cubicBezTo>
                        <a:pt x="41291" y="5698"/>
                        <a:pt x="41862" y="3507"/>
                        <a:pt x="40911" y="1792"/>
                      </a:cubicBezTo>
                      <a:cubicBezTo>
                        <a:pt x="39959" y="78"/>
                        <a:pt x="37771" y="-494"/>
                        <a:pt x="36058" y="459"/>
                      </a:cubicBezTo>
                      <a:lnTo>
                        <a:pt x="0" y="20938"/>
                      </a:lnTo>
                      <a:cubicBezTo>
                        <a:pt x="856" y="23224"/>
                        <a:pt x="1617" y="25510"/>
                        <a:pt x="2569" y="27700"/>
                      </a:cubicBezTo>
                      <a:lnTo>
                        <a:pt x="39579" y="6650"/>
                      </a:lnTo>
                      <a:close/>
                    </a:path>
                  </a:pathLst>
                </a:custGeom>
                <a:solidFill>
                  <a:srgbClr val="B3B3B3"/>
                </a:solidFill>
                <a:ln w="9492" cap="flat">
                  <a:noFill/>
                  <a:prstDash val="solid"/>
                  <a:miter/>
                </a:ln>
              </p:spPr>
              <p:txBody>
                <a:bodyPr rtlCol="0" anchor="ctr"/>
                <a:lstStyle/>
                <a:p>
                  <a:endParaRPr lang="en-US"/>
                </a:p>
              </p:txBody>
            </p:sp>
            <p:sp>
              <p:nvSpPr>
                <p:cNvPr id="58" name="Freeform 57">
                  <a:extLst>
                    <a:ext uri="{FF2B5EF4-FFF2-40B4-BE49-F238E27FC236}">
                      <a16:creationId xmlns:a16="http://schemas.microsoft.com/office/drawing/2014/main" id="{15DDCCF8-3D88-F58C-9798-9587319ECE44}"/>
                    </a:ext>
                  </a:extLst>
                </p:cNvPr>
                <p:cNvSpPr/>
                <p:nvPr/>
              </p:nvSpPr>
              <p:spPr>
                <a:xfrm>
                  <a:off x="3151878" y="3901876"/>
                  <a:ext cx="86560" cy="53244"/>
                </a:xfrm>
                <a:custGeom>
                  <a:avLst/>
                  <a:gdLst>
                    <a:gd name="connsiteX0" fmla="*/ 1790 w 86560"/>
                    <a:gd name="connsiteY0" fmla="*/ 46577 h 53244"/>
                    <a:gd name="connsiteX1" fmla="*/ 458 w 86560"/>
                    <a:gd name="connsiteY1" fmla="*/ 51435 h 53244"/>
                    <a:gd name="connsiteX2" fmla="*/ 3598 w 86560"/>
                    <a:gd name="connsiteY2" fmla="*/ 53245 h 53244"/>
                    <a:gd name="connsiteX3" fmla="*/ 5311 w 86560"/>
                    <a:gd name="connsiteY3" fmla="*/ 52769 h 53244"/>
                    <a:gd name="connsiteX4" fmla="*/ 86561 w 86560"/>
                    <a:gd name="connsiteY4" fmla="*/ 6572 h 53244"/>
                    <a:gd name="connsiteX5" fmla="*/ 83611 w 86560"/>
                    <a:gd name="connsiteY5" fmla="*/ 0 h 53244"/>
                    <a:gd name="connsiteX6" fmla="*/ 1885 w 86560"/>
                    <a:gd name="connsiteY6" fmla="*/ 46482 h 532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560" h="53244">
                      <a:moveTo>
                        <a:pt x="1790" y="46577"/>
                      </a:moveTo>
                      <a:cubicBezTo>
                        <a:pt x="78" y="47530"/>
                        <a:pt x="-493" y="49721"/>
                        <a:pt x="458" y="51435"/>
                      </a:cubicBezTo>
                      <a:cubicBezTo>
                        <a:pt x="1124" y="52578"/>
                        <a:pt x="2266" y="53245"/>
                        <a:pt x="3598" y="53245"/>
                      </a:cubicBezTo>
                      <a:cubicBezTo>
                        <a:pt x="4264" y="53245"/>
                        <a:pt x="4835" y="53054"/>
                        <a:pt x="5311" y="52769"/>
                      </a:cubicBezTo>
                      <a:lnTo>
                        <a:pt x="86561" y="6572"/>
                      </a:lnTo>
                      <a:cubicBezTo>
                        <a:pt x="85609" y="4381"/>
                        <a:pt x="84563" y="2191"/>
                        <a:pt x="83611" y="0"/>
                      </a:cubicBezTo>
                      <a:lnTo>
                        <a:pt x="1885" y="46482"/>
                      </a:lnTo>
                      <a:close/>
                    </a:path>
                  </a:pathLst>
                </a:custGeom>
                <a:solidFill>
                  <a:srgbClr val="B3B3B3"/>
                </a:solidFill>
                <a:ln w="9492" cap="flat">
                  <a:noFill/>
                  <a:prstDash val="solid"/>
                  <a:miter/>
                </a:ln>
              </p:spPr>
              <p:txBody>
                <a:bodyPr rtlCol="0" anchor="ctr"/>
                <a:lstStyle/>
                <a:p>
                  <a:endParaRPr lang="en-US"/>
                </a:p>
              </p:txBody>
            </p:sp>
            <p:sp>
              <p:nvSpPr>
                <p:cNvPr id="59" name="Freeform 58">
                  <a:extLst>
                    <a:ext uri="{FF2B5EF4-FFF2-40B4-BE49-F238E27FC236}">
                      <a16:creationId xmlns:a16="http://schemas.microsoft.com/office/drawing/2014/main" id="{5B54691E-4D99-AB06-E7A2-42587CFF1C60}"/>
                    </a:ext>
                  </a:extLst>
                </p:cNvPr>
                <p:cNvSpPr/>
                <p:nvPr/>
              </p:nvSpPr>
              <p:spPr>
                <a:xfrm>
                  <a:off x="3387905" y="4346226"/>
                  <a:ext cx="49465" cy="37234"/>
                </a:xfrm>
                <a:custGeom>
                  <a:avLst/>
                  <a:gdLst>
                    <a:gd name="connsiteX0" fmla="*/ 47951 w 49465"/>
                    <a:gd name="connsiteY0" fmla="*/ 6469 h 37234"/>
                    <a:gd name="connsiteX1" fmla="*/ 48807 w 49465"/>
                    <a:gd name="connsiteY1" fmla="*/ 1516 h 37234"/>
                    <a:gd name="connsiteX2" fmla="*/ 43860 w 49465"/>
                    <a:gd name="connsiteY2" fmla="*/ 659 h 37234"/>
                    <a:gd name="connsiteX3" fmla="*/ 0 w 49465"/>
                    <a:gd name="connsiteY3" fmla="*/ 31139 h 37234"/>
                    <a:gd name="connsiteX4" fmla="*/ 3806 w 49465"/>
                    <a:gd name="connsiteY4" fmla="*/ 37235 h 37234"/>
                    <a:gd name="connsiteX5" fmla="*/ 47951 w 49465"/>
                    <a:gd name="connsiteY5" fmla="*/ 6564 h 3723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465" h="37234">
                      <a:moveTo>
                        <a:pt x="47951" y="6469"/>
                      </a:moveTo>
                      <a:cubicBezTo>
                        <a:pt x="49568" y="5326"/>
                        <a:pt x="49949" y="3135"/>
                        <a:pt x="48807" y="1516"/>
                      </a:cubicBezTo>
                      <a:cubicBezTo>
                        <a:pt x="47666" y="-103"/>
                        <a:pt x="45477" y="-484"/>
                        <a:pt x="43860" y="659"/>
                      </a:cubicBezTo>
                      <a:lnTo>
                        <a:pt x="0" y="31139"/>
                      </a:lnTo>
                      <a:cubicBezTo>
                        <a:pt x="1237" y="33234"/>
                        <a:pt x="2474" y="35235"/>
                        <a:pt x="3806" y="37235"/>
                      </a:cubicBezTo>
                      <a:lnTo>
                        <a:pt x="47951" y="6564"/>
                      </a:lnTo>
                      <a:close/>
                    </a:path>
                  </a:pathLst>
                </a:custGeom>
                <a:solidFill>
                  <a:srgbClr val="B3B3B3"/>
                </a:solidFill>
                <a:ln w="9492" cap="flat">
                  <a:noFill/>
                  <a:prstDash val="solid"/>
                  <a:miter/>
                </a:ln>
              </p:spPr>
              <p:txBody>
                <a:bodyPr rtlCol="0" anchor="ctr"/>
                <a:lstStyle/>
                <a:p>
                  <a:endParaRPr lang="en-US"/>
                </a:p>
              </p:txBody>
            </p:sp>
            <p:sp>
              <p:nvSpPr>
                <p:cNvPr id="60" name="Freeform 59">
                  <a:extLst>
                    <a:ext uri="{FF2B5EF4-FFF2-40B4-BE49-F238E27FC236}">
                      <a16:creationId xmlns:a16="http://schemas.microsoft.com/office/drawing/2014/main" id="{DDABFF29-1A5B-A644-5B3D-87E3BFD0BF8B}"/>
                    </a:ext>
                  </a:extLst>
                </p:cNvPr>
                <p:cNvSpPr/>
                <p:nvPr/>
              </p:nvSpPr>
              <p:spPr>
                <a:xfrm>
                  <a:off x="3410358" y="4374683"/>
                  <a:ext cx="51390" cy="37447"/>
                </a:xfrm>
                <a:custGeom>
                  <a:avLst/>
                  <a:gdLst>
                    <a:gd name="connsiteX0" fmla="*/ 5043 w 51390"/>
                    <a:gd name="connsiteY0" fmla="*/ 37448 h 37447"/>
                    <a:gd name="connsiteX1" fmla="*/ 49854 w 51390"/>
                    <a:gd name="connsiteY1" fmla="*/ 6491 h 37447"/>
                    <a:gd name="connsiteX2" fmla="*/ 50805 w 51390"/>
                    <a:gd name="connsiteY2" fmla="*/ 1539 h 37447"/>
                    <a:gd name="connsiteX3" fmla="*/ 45858 w 51390"/>
                    <a:gd name="connsiteY3" fmla="*/ 586 h 37447"/>
                    <a:gd name="connsiteX4" fmla="*/ 0 w 51390"/>
                    <a:gd name="connsiteY4" fmla="*/ 32209 h 37447"/>
                    <a:gd name="connsiteX5" fmla="*/ 5043 w 51390"/>
                    <a:gd name="connsiteY5" fmla="*/ 37352 h 3744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390" h="37447">
                      <a:moveTo>
                        <a:pt x="5043" y="37448"/>
                      </a:moveTo>
                      <a:lnTo>
                        <a:pt x="49854" y="6491"/>
                      </a:lnTo>
                      <a:cubicBezTo>
                        <a:pt x="51471" y="5349"/>
                        <a:pt x="51852" y="3158"/>
                        <a:pt x="50805" y="1539"/>
                      </a:cubicBezTo>
                      <a:cubicBezTo>
                        <a:pt x="49664" y="-81"/>
                        <a:pt x="47475" y="-462"/>
                        <a:pt x="45858" y="586"/>
                      </a:cubicBezTo>
                      <a:lnTo>
                        <a:pt x="0" y="32209"/>
                      </a:lnTo>
                      <a:cubicBezTo>
                        <a:pt x="1617" y="34019"/>
                        <a:pt x="3330" y="35733"/>
                        <a:pt x="5043" y="37352"/>
                      </a:cubicBezTo>
                      <a:close/>
                    </a:path>
                  </a:pathLst>
                </a:custGeom>
                <a:solidFill>
                  <a:srgbClr val="B3B3B3"/>
                </a:solidFill>
                <a:ln w="9492" cap="flat">
                  <a:noFill/>
                  <a:prstDash val="solid"/>
                  <a:miter/>
                </a:ln>
              </p:spPr>
              <p:txBody>
                <a:bodyPr rtlCol="0" anchor="ctr"/>
                <a:lstStyle/>
                <a:p>
                  <a:endParaRPr lang="en-US"/>
                </a:p>
              </p:txBody>
            </p:sp>
            <p:sp>
              <p:nvSpPr>
                <p:cNvPr id="61" name="Freeform 60">
                  <a:extLst>
                    <a:ext uri="{FF2B5EF4-FFF2-40B4-BE49-F238E27FC236}">
                      <a16:creationId xmlns:a16="http://schemas.microsoft.com/office/drawing/2014/main" id="{C4B1D2AE-5089-E9C7-28E3-14E17758B39F}"/>
                    </a:ext>
                  </a:extLst>
                </p:cNvPr>
                <p:cNvSpPr/>
                <p:nvPr/>
              </p:nvSpPr>
              <p:spPr>
                <a:xfrm>
                  <a:off x="3439757" y="4397851"/>
                  <a:ext cx="54412" cy="38663"/>
                </a:xfrm>
                <a:custGeom>
                  <a:avLst/>
                  <a:gdLst>
                    <a:gd name="connsiteX0" fmla="*/ 52898 w 54412"/>
                    <a:gd name="connsiteY0" fmla="*/ 6469 h 38663"/>
                    <a:gd name="connsiteX1" fmla="*/ 53755 w 54412"/>
                    <a:gd name="connsiteY1" fmla="*/ 1516 h 38663"/>
                    <a:gd name="connsiteX2" fmla="*/ 48807 w 54412"/>
                    <a:gd name="connsiteY2" fmla="*/ 659 h 38663"/>
                    <a:gd name="connsiteX3" fmla="*/ 0 w 54412"/>
                    <a:gd name="connsiteY3" fmla="*/ 34473 h 38663"/>
                    <a:gd name="connsiteX4" fmla="*/ 6470 w 54412"/>
                    <a:gd name="connsiteY4" fmla="*/ 38664 h 38663"/>
                    <a:gd name="connsiteX5" fmla="*/ 52898 w 54412"/>
                    <a:gd name="connsiteY5" fmla="*/ 6469 h 386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4412" h="38663">
                      <a:moveTo>
                        <a:pt x="52898" y="6469"/>
                      </a:moveTo>
                      <a:cubicBezTo>
                        <a:pt x="54516" y="5326"/>
                        <a:pt x="54896" y="3135"/>
                        <a:pt x="53755" y="1516"/>
                      </a:cubicBezTo>
                      <a:cubicBezTo>
                        <a:pt x="52613" y="-103"/>
                        <a:pt x="50425" y="-484"/>
                        <a:pt x="48807" y="659"/>
                      </a:cubicBezTo>
                      <a:lnTo>
                        <a:pt x="0" y="34473"/>
                      </a:lnTo>
                      <a:cubicBezTo>
                        <a:pt x="2093" y="35901"/>
                        <a:pt x="4281" y="37330"/>
                        <a:pt x="6470" y="38664"/>
                      </a:cubicBezTo>
                      <a:lnTo>
                        <a:pt x="52898" y="6469"/>
                      </a:lnTo>
                      <a:close/>
                    </a:path>
                  </a:pathLst>
                </a:custGeom>
                <a:solidFill>
                  <a:srgbClr val="B3B3B3"/>
                </a:solidFill>
                <a:ln w="9492" cap="flat">
                  <a:noFill/>
                  <a:prstDash val="solid"/>
                  <a:miter/>
                </a:ln>
              </p:spPr>
              <p:txBody>
                <a:bodyPr rtlCol="0" anchor="ctr"/>
                <a:lstStyle/>
                <a:p>
                  <a:endParaRPr lang="en-US"/>
                </a:p>
              </p:txBody>
            </p:sp>
            <p:sp>
              <p:nvSpPr>
                <p:cNvPr id="62" name="Freeform 61">
                  <a:extLst>
                    <a:ext uri="{FF2B5EF4-FFF2-40B4-BE49-F238E27FC236}">
                      <a16:creationId xmlns:a16="http://schemas.microsoft.com/office/drawing/2014/main" id="{A34A5F82-6973-8F3E-F83C-24AB74E6A7D6}"/>
                    </a:ext>
                  </a:extLst>
                </p:cNvPr>
                <p:cNvSpPr/>
                <p:nvPr/>
              </p:nvSpPr>
              <p:spPr>
                <a:xfrm>
                  <a:off x="3493116" y="4285924"/>
                  <a:ext cx="31125" cy="23812"/>
                </a:xfrm>
                <a:custGeom>
                  <a:avLst/>
                  <a:gdLst>
                    <a:gd name="connsiteX0" fmla="*/ 1537 w 31125"/>
                    <a:gd name="connsiteY0" fmla="*/ 17335 h 23812"/>
                    <a:gd name="connsiteX1" fmla="*/ 585 w 31125"/>
                    <a:gd name="connsiteY1" fmla="*/ 22289 h 23812"/>
                    <a:gd name="connsiteX2" fmla="*/ 3535 w 31125"/>
                    <a:gd name="connsiteY2" fmla="*/ 23813 h 23812"/>
                    <a:gd name="connsiteX3" fmla="*/ 5533 w 31125"/>
                    <a:gd name="connsiteY3" fmla="*/ 23146 h 23812"/>
                    <a:gd name="connsiteX4" fmla="*/ 31126 w 31125"/>
                    <a:gd name="connsiteY4" fmla="*/ 5620 h 23812"/>
                    <a:gd name="connsiteX5" fmla="*/ 26654 w 31125"/>
                    <a:gd name="connsiteY5" fmla="*/ 0 h 23812"/>
                    <a:gd name="connsiteX6" fmla="*/ 1537 w 31125"/>
                    <a:gd name="connsiteY6" fmla="*/ 17240 h 238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1125" h="23812">
                      <a:moveTo>
                        <a:pt x="1537" y="17335"/>
                      </a:moveTo>
                      <a:cubicBezTo>
                        <a:pt x="-81" y="18479"/>
                        <a:pt x="-461" y="20669"/>
                        <a:pt x="585" y="22289"/>
                      </a:cubicBezTo>
                      <a:cubicBezTo>
                        <a:pt x="1251" y="23336"/>
                        <a:pt x="2393" y="23813"/>
                        <a:pt x="3535" y="23813"/>
                      </a:cubicBezTo>
                      <a:cubicBezTo>
                        <a:pt x="4201" y="23813"/>
                        <a:pt x="4962" y="23622"/>
                        <a:pt x="5533" y="23146"/>
                      </a:cubicBezTo>
                      <a:lnTo>
                        <a:pt x="31126" y="5620"/>
                      </a:lnTo>
                      <a:cubicBezTo>
                        <a:pt x="29698" y="3715"/>
                        <a:pt x="28176" y="1905"/>
                        <a:pt x="26654" y="0"/>
                      </a:cubicBezTo>
                      <a:lnTo>
                        <a:pt x="1537" y="17240"/>
                      </a:lnTo>
                      <a:close/>
                    </a:path>
                  </a:pathLst>
                </a:custGeom>
                <a:solidFill>
                  <a:srgbClr val="B3B3B3"/>
                </a:solidFill>
                <a:ln w="9492" cap="flat">
                  <a:noFill/>
                  <a:prstDash val="solid"/>
                  <a:miter/>
                </a:ln>
              </p:spPr>
              <p:txBody>
                <a:bodyPr rtlCol="0" anchor="ctr"/>
                <a:lstStyle/>
                <a:p>
                  <a:endParaRPr lang="en-US"/>
                </a:p>
              </p:txBody>
            </p:sp>
            <p:sp>
              <p:nvSpPr>
                <p:cNvPr id="63" name="Freeform 62">
                  <a:extLst>
                    <a:ext uri="{FF2B5EF4-FFF2-40B4-BE49-F238E27FC236}">
                      <a16:creationId xmlns:a16="http://schemas.microsoft.com/office/drawing/2014/main" id="{7D02AA86-7626-3303-B99C-FE5FF3BE10C1}"/>
                    </a:ext>
                  </a:extLst>
                </p:cNvPr>
                <p:cNvSpPr/>
                <p:nvPr/>
              </p:nvSpPr>
              <p:spPr>
                <a:xfrm>
                  <a:off x="3515379" y="4315928"/>
                  <a:ext cx="29698" cy="23526"/>
                </a:xfrm>
                <a:custGeom>
                  <a:avLst/>
                  <a:gdLst>
                    <a:gd name="connsiteX0" fmla="*/ 1537 w 29698"/>
                    <a:gd name="connsiteY0" fmla="*/ 17050 h 23526"/>
                    <a:gd name="connsiteX1" fmla="*/ 585 w 29698"/>
                    <a:gd name="connsiteY1" fmla="*/ 22003 h 23526"/>
                    <a:gd name="connsiteX2" fmla="*/ 3535 w 29698"/>
                    <a:gd name="connsiteY2" fmla="*/ 23527 h 23526"/>
                    <a:gd name="connsiteX3" fmla="*/ 5533 w 29698"/>
                    <a:gd name="connsiteY3" fmla="*/ 22860 h 23526"/>
                    <a:gd name="connsiteX4" fmla="*/ 29698 w 29698"/>
                    <a:gd name="connsiteY4" fmla="*/ 6096 h 23526"/>
                    <a:gd name="connsiteX5" fmla="*/ 25988 w 29698"/>
                    <a:gd name="connsiteY5" fmla="*/ 0 h 23526"/>
                    <a:gd name="connsiteX6" fmla="*/ 1537 w 29698"/>
                    <a:gd name="connsiteY6" fmla="*/ 16954 h 235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29698" h="23526">
                      <a:moveTo>
                        <a:pt x="1537" y="17050"/>
                      </a:moveTo>
                      <a:cubicBezTo>
                        <a:pt x="-81" y="18193"/>
                        <a:pt x="-461" y="20383"/>
                        <a:pt x="585" y="22003"/>
                      </a:cubicBezTo>
                      <a:cubicBezTo>
                        <a:pt x="1251" y="22955"/>
                        <a:pt x="2393" y="23527"/>
                        <a:pt x="3535" y="23527"/>
                      </a:cubicBezTo>
                      <a:cubicBezTo>
                        <a:pt x="4201" y="23527"/>
                        <a:pt x="4962" y="23336"/>
                        <a:pt x="5533" y="22860"/>
                      </a:cubicBezTo>
                      <a:lnTo>
                        <a:pt x="29698" y="6096"/>
                      </a:lnTo>
                      <a:cubicBezTo>
                        <a:pt x="28462" y="4000"/>
                        <a:pt x="27225" y="2000"/>
                        <a:pt x="25988" y="0"/>
                      </a:cubicBezTo>
                      <a:lnTo>
                        <a:pt x="1537" y="16954"/>
                      </a:lnTo>
                      <a:close/>
                    </a:path>
                  </a:pathLst>
                </a:custGeom>
                <a:solidFill>
                  <a:srgbClr val="B3B3B3"/>
                </a:solidFill>
                <a:ln w="9492" cap="flat">
                  <a:noFill/>
                  <a:prstDash val="solid"/>
                  <a:miter/>
                </a:ln>
              </p:spPr>
              <p:txBody>
                <a:bodyPr rtlCol="0" anchor="ctr"/>
                <a:lstStyle/>
                <a:p>
                  <a:endParaRPr lang="en-US"/>
                </a:p>
              </p:txBody>
            </p:sp>
            <p:sp>
              <p:nvSpPr>
                <p:cNvPr id="64" name="Freeform 63">
                  <a:extLst>
                    <a:ext uri="{FF2B5EF4-FFF2-40B4-BE49-F238E27FC236}">
                      <a16:creationId xmlns:a16="http://schemas.microsoft.com/office/drawing/2014/main" id="{966719CB-A2A3-6262-2E10-1AEA1C2BD5AA}"/>
                    </a:ext>
                  </a:extLst>
                </p:cNvPr>
                <p:cNvSpPr/>
                <p:nvPr/>
              </p:nvSpPr>
              <p:spPr>
                <a:xfrm>
                  <a:off x="3541828" y="4349266"/>
                  <a:ext cx="20279" cy="17430"/>
                </a:xfrm>
                <a:custGeom>
                  <a:avLst/>
                  <a:gdLst>
                    <a:gd name="connsiteX0" fmla="*/ 17425 w 20279"/>
                    <a:gd name="connsiteY0" fmla="*/ 95 h 17430"/>
                    <a:gd name="connsiteX1" fmla="*/ 1537 w 20279"/>
                    <a:gd name="connsiteY1" fmla="*/ 10954 h 17430"/>
                    <a:gd name="connsiteX2" fmla="*/ 585 w 20279"/>
                    <a:gd name="connsiteY2" fmla="*/ 15907 h 17430"/>
                    <a:gd name="connsiteX3" fmla="*/ 3535 w 20279"/>
                    <a:gd name="connsiteY3" fmla="*/ 17431 h 17430"/>
                    <a:gd name="connsiteX4" fmla="*/ 5533 w 20279"/>
                    <a:gd name="connsiteY4" fmla="*/ 16764 h 17430"/>
                    <a:gd name="connsiteX5" fmla="*/ 20280 w 20279"/>
                    <a:gd name="connsiteY5" fmla="*/ 6667 h 17430"/>
                    <a:gd name="connsiteX6" fmla="*/ 18852 w 20279"/>
                    <a:gd name="connsiteY6" fmla="*/ 3048 h 17430"/>
                    <a:gd name="connsiteX7" fmla="*/ 17425 w 20279"/>
                    <a:gd name="connsiteY7" fmla="*/ 0 h 174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20279" h="17430">
                      <a:moveTo>
                        <a:pt x="17425" y="95"/>
                      </a:moveTo>
                      <a:lnTo>
                        <a:pt x="1537" y="10954"/>
                      </a:lnTo>
                      <a:cubicBezTo>
                        <a:pt x="-81" y="12097"/>
                        <a:pt x="-461" y="14288"/>
                        <a:pt x="585" y="15907"/>
                      </a:cubicBezTo>
                      <a:cubicBezTo>
                        <a:pt x="1251" y="16954"/>
                        <a:pt x="2393" y="17431"/>
                        <a:pt x="3535" y="17431"/>
                      </a:cubicBezTo>
                      <a:cubicBezTo>
                        <a:pt x="4201" y="17431"/>
                        <a:pt x="4962" y="17240"/>
                        <a:pt x="5533" y="16764"/>
                      </a:cubicBezTo>
                      <a:lnTo>
                        <a:pt x="20280" y="6667"/>
                      </a:lnTo>
                      <a:cubicBezTo>
                        <a:pt x="19804" y="5525"/>
                        <a:pt x="19328" y="4191"/>
                        <a:pt x="18852" y="3048"/>
                      </a:cubicBezTo>
                      <a:cubicBezTo>
                        <a:pt x="18377" y="2000"/>
                        <a:pt x="17901" y="952"/>
                        <a:pt x="17425" y="0"/>
                      </a:cubicBezTo>
                      <a:close/>
                    </a:path>
                  </a:pathLst>
                </a:custGeom>
                <a:solidFill>
                  <a:srgbClr val="B3B3B3"/>
                </a:solidFill>
                <a:ln w="9492" cap="flat">
                  <a:noFill/>
                  <a:prstDash val="solid"/>
                  <a:miter/>
                </a:ln>
              </p:spPr>
              <p:txBody>
                <a:bodyPr rtlCol="0" anchor="ctr"/>
                <a:lstStyle/>
                <a:p>
                  <a:endParaRPr lang="en-US"/>
                </a:p>
              </p:txBody>
            </p:sp>
            <p:sp>
              <p:nvSpPr>
                <p:cNvPr id="65" name="Freeform 64">
                  <a:extLst>
                    <a:ext uri="{FF2B5EF4-FFF2-40B4-BE49-F238E27FC236}">
                      <a16:creationId xmlns:a16="http://schemas.microsoft.com/office/drawing/2014/main" id="{019E0110-C5A7-8DED-D414-5EB08162B8BA}"/>
                    </a:ext>
                  </a:extLst>
                </p:cNvPr>
                <p:cNvSpPr/>
                <p:nvPr/>
              </p:nvSpPr>
              <p:spPr>
                <a:xfrm>
                  <a:off x="3476671" y="4385366"/>
                  <a:ext cx="98946" cy="70199"/>
                </a:xfrm>
                <a:custGeom>
                  <a:avLst/>
                  <a:gdLst>
                    <a:gd name="connsiteX0" fmla="*/ 98947 w 98946"/>
                    <a:gd name="connsiteY0" fmla="*/ 7048 h 70199"/>
                    <a:gd name="connsiteX1" fmla="*/ 96473 w 98946"/>
                    <a:gd name="connsiteY1" fmla="*/ 0 h 70199"/>
                    <a:gd name="connsiteX2" fmla="*/ 0 w 98946"/>
                    <a:gd name="connsiteY2" fmla="*/ 66961 h 70199"/>
                    <a:gd name="connsiteX3" fmla="*/ 7897 w 98946"/>
                    <a:gd name="connsiteY3" fmla="*/ 70199 h 70199"/>
                    <a:gd name="connsiteX4" fmla="*/ 98947 w 98946"/>
                    <a:gd name="connsiteY4" fmla="*/ 7048 h 7019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98946" h="70199">
                      <a:moveTo>
                        <a:pt x="98947" y="7048"/>
                      </a:moveTo>
                      <a:cubicBezTo>
                        <a:pt x="98090" y="4667"/>
                        <a:pt x="97329" y="2381"/>
                        <a:pt x="96473" y="0"/>
                      </a:cubicBezTo>
                      <a:lnTo>
                        <a:pt x="0" y="66961"/>
                      </a:lnTo>
                      <a:cubicBezTo>
                        <a:pt x="2664" y="68104"/>
                        <a:pt x="5233" y="69152"/>
                        <a:pt x="7897" y="70199"/>
                      </a:cubicBezTo>
                      <a:lnTo>
                        <a:pt x="98947" y="7048"/>
                      </a:lnTo>
                      <a:close/>
                    </a:path>
                  </a:pathLst>
                </a:custGeom>
                <a:solidFill>
                  <a:srgbClr val="B3B3B3"/>
                </a:solidFill>
                <a:ln w="9492" cap="flat">
                  <a:noFill/>
                  <a:prstDash val="solid"/>
                  <a:miter/>
                </a:ln>
              </p:spPr>
              <p:txBody>
                <a:bodyPr rtlCol="0" anchor="ctr"/>
                <a:lstStyle/>
                <a:p>
                  <a:endParaRPr lang="en-US"/>
                </a:p>
              </p:txBody>
            </p:sp>
            <p:sp>
              <p:nvSpPr>
                <p:cNvPr id="66" name="Freeform 65">
                  <a:extLst>
                    <a:ext uri="{FF2B5EF4-FFF2-40B4-BE49-F238E27FC236}">
                      <a16:creationId xmlns:a16="http://schemas.microsoft.com/office/drawing/2014/main" id="{4A8B005D-14BE-BE29-D3C2-C7A81FA236BA}"/>
                    </a:ext>
                  </a:extLst>
                </p:cNvPr>
                <p:cNvSpPr/>
                <p:nvPr/>
              </p:nvSpPr>
              <p:spPr>
                <a:xfrm>
                  <a:off x="3520531" y="4434500"/>
                  <a:ext cx="51485" cy="34494"/>
                </a:xfrm>
                <a:custGeom>
                  <a:avLst/>
                  <a:gdLst>
                    <a:gd name="connsiteX0" fmla="*/ 50805 w 51485"/>
                    <a:gd name="connsiteY0" fmla="*/ 1539 h 34494"/>
                    <a:gd name="connsiteX1" fmla="*/ 45858 w 51485"/>
                    <a:gd name="connsiteY1" fmla="*/ 586 h 34494"/>
                    <a:gd name="connsiteX2" fmla="*/ 0 w 51485"/>
                    <a:gd name="connsiteY2" fmla="*/ 32304 h 34494"/>
                    <a:gd name="connsiteX3" fmla="*/ 9324 w 51485"/>
                    <a:gd name="connsiteY3" fmla="*/ 34495 h 34494"/>
                    <a:gd name="connsiteX4" fmla="*/ 49949 w 51485"/>
                    <a:gd name="connsiteY4" fmla="*/ 6396 h 34494"/>
                    <a:gd name="connsiteX5" fmla="*/ 50900 w 51485"/>
                    <a:gd name="connsiteY5" fmla="*/ 1443 h 344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485" h="34494">
                      <a:moveTo>
                        <a:pt x="50805" y="1539"/>
                      </a:moveTo>
                      <a:cubicBezTo>
                        <a:pt x="49664" y="-81"/>
                        <a:pt x="47475" y="-462"/>
                        <a:pt x="45858" y="586"/>
                      </a:cubicBezTo>
                      <a:lnTo>
                        <a:pt x="0" y="32304"/>
                      </a:lnTo>
                      <a:cubicBezTo>
                        <a:pt x="3140" y="33066"/>
                        <a:pt x="6279" y="33828"/>
                        <a:pt x="9324" y="34495"/>
                      </a:cubicBezTo>
                      <a:lnTo>
                        <a:pt x="49949" y="6396"/>
                      </a:lnTo>
                      <a:cubicBezTo>
                        <a:pt x="51566" y="5253"/>
                        <a:pt x="51947" y="3062"/>
                        <a:pt x="50900" y="1443"/>
                      </a:cubicBezTo>
                      <a:close/>
                    </a:path>
                  </a:pathLst>
                </a:custGeom>
                <a:solidFill>
                  <a:srgbClr val="B3B3B3"/>
                </a:solidFill>
                <a:ln w="9492" cap="flat">
                  <a:noFill/>
                  <a:prstDash val="solid"/>
                  <a:miter/>
                </a:ln>
              </p:spPr>
              <p:txBody>
                <a:bodyPr rtlCol="0" anchor="ctr"/>
                <a:lstStyle/>
                <a:p>
                  <a:endParaRPr lang="en-US"/>
                </a:p>
              </p:txBody>
            </p:sp>
            <p:sp>
              <p:nvSpPr>
                <p:cNvPr id="67" name="Freeform 66">
                  <a:extLst>
                    <a:ext uri="{FF2B5EF4-FFF2-40B4-BE49-F238E27FC236}">
                      <a16:creationId xmlns:a16="http://schemas.microsoft.com/office/drawing/2014/main" id="{1F01BC0C-57C2-5AD6-B148-4E8C64681643}"/>
                    </a:ext>
                  </a:extLst>
                </p:cNvPr>
                <p:cNvSpPr/>
                <p:nvPr/>
              </p:nvSpPr>
              <p:spPr>
                <a:xfrm>
                  <a:off x="4170629" y="3980458"/>
                  <a:ext cx="159646" cy="86487"/>
                </a:xfrm>
                <a:custGeom>
                  <a:avLst/>
                  <a:gdLst>
                    <a:gd name="connsiteX0" fmla="*/ 286 w 159646"/>
                    <a:gd name="connsiteY0" fmla="*/ 8096 h 86487"/>
                    <a:gd name="connsiteX1" fmla="*/ 153082 w 159646"/>
                    <a:gd name="connsiteY1" fmla="*/ 86487 h 86487"/>
                    <a:gd name="connsiteX2" fmla="*/ 159647 w 159646"/>
                    <a:gd name="connsiteY2" fmla="*/ 81820 h 86487"/>
                    <a:gd name="connsiteX3" fmla="*/ 0 w 159646"/>
                    <a:gd name="connsiteY3" fmla="*/ 0 h 86487"/>
                    <a:gd name="connsiteX4" fmla="*/ 286 w 159646"/>
                    <a:gd name="connsiteY4" fmla="*/ 8192 h 8648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9646" h="86487">
                      <a:moveTo>
                        <a:pt x="286" y="8096"/>
                      </a:moveTo>
                      <a:lnTo>
                        <a:pt x="153082" y="86487"/>
                      </a:lnTo>
                      <a:cubicBezTo>
                        <a:pt x="155270" y="84963"/>
                        <a:pt x="157458" y="83439"/>
                        <a:pt x="159647" y="81820"/>
                      </a:cubicBezTo>
                      <a:lnTo>
                        <a:pt x="0" y="0"/>
                      </a:lnTo>
                      <a:cubicBezTo>
                        <a:pt x="0" y="2762"/>
                        <a:pt x="95" y="5429"/>
                        <a:pt x="286" y="8192"/>
                      </a:cubicBezTo>
                      <a:close/>
                    </a:path>
                  </a:pathLst>
                </a:custGeom>
                <a:solidFill>
                  <a:srgbClr val="B3B3B3"/>
                </a:solidFill>
                <a:ln w="9492" cap="flat">
                  <a:noFill/>
                  <a:prstDash val="solid"/>
                  <a:miter/>
                </a:ln>
              </p:spPr>
              <p:txBody>
                <a:bodyPr rtlCol="0" anchor="ctr"/>
                <a:lstStyle/>
                <a:p>
                  <a:endParaRPr lang="en-US"/>
                </a:p>
              </p:txBody>
            </p:sp>
            <p:sp>
              <p:nvSpPr>
                <p:cNvPr id="68" name="Freeform 67">
                  <a:extLst>
                    <a:ext uri="{FF2B5EF4-FFF2-40B4-BE49-F238E27FC236}">
                      <a16:creationId xmlns:a16="http://schemas.microsoft.com/office/drawing/2014/main" id="{F0BA00D5-99D5-1F9A-8BD7-C007C640866F}"/>
                    </a:ext>
                  </a:extLst>
                </p:cNvPr>
                <p:cNvSpPr/>
                <p:nvPr/>
              </p:nvSpPr>
              <p:spPr>
                <a:xfrm>
                  <a:off x="4172437" y="3940739"/>
                  <a:ext cx="50987" cy="31051"/>
                </a:xfrm>
                <a:custGeom>
                  <a:avLst/>
                  <a:gdLst>
                    <a:gd name="connsiteX0" fmla="*/ 45858 w 50987"/>
                    <a:gd name="connsiteY0" fmla="*/ 30670 h 31051"/>
                    <a:gd name="connsiteX1" fmla="*/ 47475 w 50987"/>
                    <a:gd name="connsiteY1" fmla="*/ 31051 h 31051"/>
                    <a:gd name="connsiteX2" fmla="*/ 50615 w 50987"/>
                    <a:gd name="connsiteY2" fmla="*/ 29146 h 31051"/>
                    <a:gd name="connsiteX3" fmla="*/ 49093 w 50987"/>
                    <a:gd name="connsiteY3" fmla="*/ 24384 h 31051"/>
                    <a:gd name="connsiteX4" fmla="*/ 1237 w 50987"/>
                    <a:gd name="connsiteY4" fmla="*/ 0 h 31051"/>
                    <a:gd name="connsiteX5" fmla="*/ 0 w 50987"/>
                    <a:gd name="connsiteY5" fmla="*/ 7429 h 31051"/>
                    <a:gd name="connsiteX6" fmla="*/ 45763 w 50987"/>
                    <a:gd name="connsiteY6" fmla="*/ 30861 h 3105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987" h="31051">
                      <a:moveTo>
                        <a:pt x="45858" y="30670"/>
                      </a:moveTo>
                      <a:cubicBezTo>
                        <a:pt x="46334" y="30956"/>
                        <a:pt x="46905" y="31051"/>
                        <a:pt x="47475" y="31051"/>
                      </a:cubicBezTo>
                      <a:cubicBezTo>
                        <a:pt x="48807" y="31051"/>
                        <a:pt x="50044" y="30385"/>
                        <a:pt x="50615" y="29146"/>
                      </a:cubicBezTo>
                      <a:cubicBezTo>
                        <a:pt x="51471" y="27432"/>
                        <a:pt x="50805" y="25241"/>
                        <a:pt x="49093" y="24384"/>
                      </a:cubicBezTo>
                      <a:lnTo>
                        <a:pt x="1237" y="0"/>
                      </a:lnTo>
                      <a:cubicBezTo>
                        <a:pt x="856" y="2476"/>
                        <a:pt x="285" y="4953"/>
                        <a:pt x="0" y="7429"/>
                      </a:cubicBezTo>
                      <a:lnTo>
                        <a:pt x="45763" y="30861"/>
                      </a:lnTo>
                      <a:close/>
                    </a:path>
                  </a:pathLst>
                </a:custGeom>
                <a:solidFill>
                  <a:srgbClr val="B3B3B3"/>
                </a:solidFill>
                <a:ln w="9492" cap="flat">
                  <a:noFill/>
                  <a:prstDash val="solid"/>
                  <a:miter/>
                </a:ln>
              </p:spPr>
              <p:txBody>
                <a:bodyPr rtlCol="0" anchor="ctr"/>
                <a:lstStyle/>
                <a:p>
                  <a:endParaRPr lang="en-US"/>
                </a:p>
              </p:txBody>
            </p:sp>
            <p:sp>
              <p:nvSpPr>
                <p:cNvPr id="69" name="Freeform 68">
                  <a:extLst>
                    <a:ext uri="{FF2B5EF4-FFF2-40B4-BE49-F238E27FC236}">
                      <a16:creationId xmlns:a16="http://schemas.microsoft.com/office/drawing/2014/main" id="{0C87F48D-6209-C7D6-EA4A-31615E5D5C0E}"/>
                    </a:ext>
                  </a:extLst>
                </p:cNvPr>
                <p:cNvSpPr/>
                <p:nvPr/>
              </p:nvSpPr>
              <p:spPr>
                <a:xfrm>
                  <a:off x="4181095" y="3903115"/>
                  <a:ext cx="69540" cy="40195"/>
                </a:xfrm>
                <a:custGeom>
                  <a:avLst/>
                  <a:gdLst>
                    <a:gd name="connsiteX0" fmla="*/ 64410 w 69540"/>
                    <a:gd name="connsiteY0" fmla="*/ 39815 h 40195"/>
                    <a:gd name="connsiteX1" fmla="*/ 66028 w 69540"/>
                    <a:gd name="connsiteY1" fmla="*/ 40196 h 40195"/>
                    <a:gd name="connsiteX2" fmla="*/ 69167 w 69540"/>
                    <a:gd name="connsiteY2" fmla="*/ 38291 h 40195"/>
                    <a:gd name="connsiteX3" fmla="*/ 67645 w 69540"/>
                    <a:gd name="connsiteY3" fmla="*/ 33528 h 40195"/>
                    <a:gd name="connsiteX4" fmla="*/ 2379 w 69540"/>
                    <a:gd name="connsiteY4" fmla="*/ 0 h 40195"/>
                    <a:gd name="connsiteX5" fmla="*/ 0 w 69540"/>
                    <a:gd name="connsiteY5" fmla="*/ 6763 h 40195"/>
                    <a:gd name="connsiteX6" fmla="*/ 64410 w 69540"/>
                    <a:gd name="connsiteY6" fmla="*/ 39910 h 401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9540" h="40195">
                      <a:moveTo>
                        <a:pt x="64410" y="39815"/>
                      </a:moveTo>
                      <a:cubicBezTo>
                        <a:pt x="64886" y="40100"/>
                        <a:pt x="65457" y="40196"/>
                        <a:pt x="66028" y="40196"/>
                      </a:cubicBezTo>
                      <a:cubicBezTo>
                        <a:pt x="67360" y="40196"/>
                        <a:pt x="68597" y="39529"/>
                        <a:pt x="69167" y="38291"/>
                      </a:cubicBezTo>
                      <a:cubicBezTo>
                        <a:pt x="70024" y="36576"/>
                        <a:pt x="69358" y="34385"/>
                        <a:pt x="67645" y="33528"/>
                      </a:cubicBezTo>
                      <a:lnTo>
                        <a:pt x="2379" y="0"/>
                      </a:lnTo>
                      <a:cubicBezTo>
                        <a:pt x="1522" y="2286"/>
                        <a:pt x="761" y="4572"/>
                        <a:pt x="0" y="6763"/>
                      </a:cubicBezTo>
                      <a:lnTo>
                        <a:pt x="64410" y="39910"/>
                      </a:lnTo>
                      <a:close/>
                    </a:path>
                  </a:pathLst>
                </a:custGeom>
                <a:solidFill>
                  <a:srgbClr val="B3B3B3"/>
                </a:solidFill>
                <a:ln w="9492" cap="flat">
                  <a:noFill/>
                  <a:prstDash val="solid"/>
                  <a:miter/>
                </a:ln>
              </p:spPr>
              <p:txBody>
                <a:bodyPr rtlCol="0" anchor="ctr"/>
                <a:lstStyle/>
                <a:p>
                  <a:endParaRPr lang="en-US"/>
                </a:p>
              </p:txBody>
            </p:sp>
            <p:sp>
              <p:nvSpPr>
                <p:cNvPr id="70" name="Freeform 69">
                  <a:extLst>
                    <a:ext uri="{FF2B5EF4-FFF2-40B4-BE49-F238E27FC236}">
                      <a16:creationId xmlns:a16="http://schemas.microsoft.com/office/drawing/2014/main" id="{6ADFF9BB-A46E-B1FF-C5BB-576D2DD3F394}"/>
                    </a:ext>
                  </a:extLst>
                </p:cNvPr>
                <p:cNvSpPr/>
                <p:nvPr/>
              </p:nvSpPr>
              <p:spPr>
                <a:xfrm>
                  <a:off x="4195936" y="3869587"/>
                  <a:ext cx="78766" cy="43910"/>
                </a:xfrm>
                <a:custGeom>
                  <a:avLst/>
                  <a:gdLst>
                    <a:gd name="connsiteX0" fmla="*/ 73639 w 78766"/>
                    <a:gd name="connsiteY0" fmla="*/ 43529 h 43910"/>
                    <a:gd name="connsiteX1" fmla="*/ 75256 w 78766"/>
                    <a:gd name="connsiteY1" fmla="*/ 43910 h 43910"/>
                    <a:gd name="connsiteX2" fmla="*/ 78396 w 78766"/>
                    <a:gd name="connsiteY2" fmla="*/ 41910 h 43910"/>
                    <a:gd name="connsiteX3" fmla="*/ 76779 w 78766"/>
                    <a:gd name="connsiteY3" fmla="*/ 37148 h 43910"/>
                    <a:gd name="connsiteX4" fmla="*/ 3520 w 78766"/>
                    <a:gd name="connsiteY4" fmla="*/ 0 h 43910"/>
                    <a:gd name="connsiteX5" fmla="*/ 0 w 78766"/>
                    <a:gd name="connsiteY5" fmla="*/ 6191 h 43910"/>
                    <a:gd name="connsiteX6" fmla="*/ 73639 w 78766"/>
                    <a:gd name="connsiteY6" fmla="*/ 43529 h 439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8766" h="43910">
                      <a:moveTo>
                        <a:pt x="73639" y="43529"/>
                      </a:moveTo>
                      <a:cubicBezTo>
                        <a:pt x="74115" y="43815"/>
                        <a:pt x="74686" y="43910"/>
                        <a:pt x="75256" y="43910"/>
                      </a:cubicBezTo>
                      <a:cubicBezTo>
                        <a:pt x="76588" y="43910"/>
                        <a:pt x="77825" y="43148"/>
                        <a:pt x="78396" y="41910"/>
                      </a:cubicBezTo>
                      <a:cubicBezTo>
                        <a:pt x="79252" y="40196"/>
                        <a:pt x="78586" y="38005"/>
                        <a:pt x="76779" y="37148"/>
                      </a:cubicBezTo>
                      <a:lnTo>
                        <a:pt x="3520" y="0"/>
                      </a:lnTo>
                      <a:cubicBezTo>
                        <a:pt x="2283" y="2096"/>
                        <a:pt x="1142" y="4096"/>
                        <a:pt x="0" y="6191"/>
                      </a:cubicBezTo>
                      <a:lnTo>
                        <a:pt x="73639" y="43529"/>
                      </a:lnTo>
                      <a:close/>
                    </a:path>
                  </a:pathLst>
                </a:custGeom>
                <a:solidFill>
                  <a:srgbClr val="B3B3B3"/>
                </a:solidFill>
                <a:ln w="9492" cap="flat">
                  <a:noFill/>
                  <a:prstDash val="solid"/>
                  <a:miter/>
                </a:ln>
              </p:spPr>
              <p:txBody>
                <a:bodyPr rtlCol="0" anchor="ctr"/>
                <a:lstStyle/>
                <a:p>
                  <a:endParaRPr lang="en-US"/>
                </a:p>
              </p:txBody>
            </p:sp>
            <p:sp>
              <p:nvSpPr>
                <p:cNvPr id="71" name="Freeform 70">
                  <a:extLst>
                    <a:ext uri="{FF2B5EF4-FFF2-40B4-BE49-F238E27FC236}">
                      <a16:creationId xmlns:a16="http://schemas.microsoft.com/office/drawing/2014/main" id="{167C0706-E45B-22AB-3726-50D60D58ECCC}"/>
                    </a:ext>
                  </a:extLst>
                </p:cNvPr>
                <p:cNvSpPr/>
                <p:nvPr/>
              </p:nvSpPr>
              <p:spPr>
                <a:xfrm>
                  <a:off x="4210493" y="3835011"/>
                  <a:ext cx="2949" cy="2095"/>
                </a:xfrm>
                <a:custGeom>
                  <a:avLst/>
                  <a:gdLst>
                    <a:gd name="connsiteX0" fmla="*/ 0 w 2949"/>
                    <a:gd name="connsiteY0" fmla="*/ 1810 h 2095"/>
                    <a:gd name="connsiteX1" fmla="*/ 0 w 2949"/>
                    <a:gd name="connsiteY1" fmla="*/ 2096 h 2095"/>
                    <a:gd name="connsiteX2" fmla="*/ 2949 w 2949"/>
                    <a:gd name="connsiteY2" fmla="*/ 0 h 2095"/>
                    <a:gd name="connsiteX3" fmla="*/ 95 w 2949"/>
                    <a:gd name="connsiteY3" fmla="*/ 1905 h 2095"/>
                  </a:gdLst>
                  <a:ahLst/>
                  <a:cxnLst>
                    <a:cxn ang="0">
                      <a:pos x="connsiteX0" y="connsiteY0"/>
                    </a:cxn>
                    <a:cxn ang="0">
                      <a:pos x="connsiteX1" y="connsiteY1"/>
                    </a:cxn>
                    <a:cxn ang="0">
                      <a:pos x="connsiteX2" y="connsiteY2"/>
                    </a:cxn>
                    <a:cxn ang="0">
                      <a:pos x="connsiteX3" y="connsiteY3"/>
                    </a:cxn>
                  </a:cxnLst>
                  <a:rect l="l" t="t" r="r" b="b"/>
                  <a:pathLst>
                    <a:path w="2949" h="2095">
                      <a:moveTo>
                        <a:pt x="0" y="1810"/>
                      </a:moveTo>
                      <a:cubicBezTo>
                        <a:pt x="0" y="1810"/>
                        <a:pt x="0" y="2000"/>
                        <a:pt x="0" y="2096"/>
                      </a:cubicBezTo>
                      <a:cubicBezTo>
                        <a:pt x="951" y="1334"/>
                        <a:pt x="1998" y="667"/>
                        <a:pt x="2949" y="0"/>
                      </a:cubicBezTo>
                      <a:cubicBezTo>
                        <a:pt x="1808" y="95"/>
                        <a:pt x="666" y="762"/>
                        <a:pt x="95" y="1905"/>
                      </a:cubicBezTo>
                      <a:close/>
                    </a:path>
                  </a:pathLst>
                </a:custGeom>
                <a:solidFill>
                  <a:srgbClr val="B3B3B3"/>
                </a:solidFill>
                <a:ln w="9492" cap="flat">
                  <a:noFill/>
                  <a:prstDash val="solid"/>
                  <a:miter/>
                </a:ln>
              </p:spPr>
              <p:txBody>
                <a:bodyPr rtlCol="0" anchor="ctr"/>
                <a:lstStyle/>
                <a:p>
                  <a:endParaRPr lang="en-US"/>
                </a:p>
              </p:txBody>
            </p:sp>
            <p:sp>
              <p:nvSpPr>
                <p:cNvPr id="72" name="Freeform 71">
                  <a:extLst>
                    <a:ext uri="{FF2B5EF4-FFF2-40B4-BE49-F238E27FC236}">
                      <a16:creationId xmlns:a16="http://schemas.microsoft.com/office/drawing/2014/main" id="{2E7B3388-A8EA-682B-BADA-35EFC6354025}"/>
                    </a:ext>
                  </a:extLst>
                </p:cNvPr>
                <p:cNvSpPr/>
                <p:nvPr/>
              </p:nvSpPr>
              <p:spPr>
                <a:xfrm>
                  <a:off x="4217724" y="3839297"/>
                  <a:ext cx="76960" cy="42767"/>
                </a:xfrm>
                <a:custGeom>
                  <a:avLst/>
                  <a:gdLst>
                    <a:gd name="connsiteX0" fmla="*/ 0 w 76960"/>
                    <a:gd name="connsiteY0" fmla="*/ 5334 h 42767"/>
                    <a:gd name="connsiteX1" fmla="*/ 71831 w 76960"/>
                    <a:gd name="connsiteY1" fmla="*/ 42386 h 42767"/>
                    <a:gd name="connsiteX2" fmla="*/ 73449 w 76960"/>
                    <a:gd name="connsiteY2" fmla="*/ 42767 h 42767"/>
                    <a:gd name="connsiteX3" fmla="*/ 76588 w 76960"/>
                    <a:gd name="connsiteY3" fmla="*/ 40862 h 42767"/>
                    <a:gd name="connsiteX4" fmla="*/ 75066 w 76960"/>
                    <a:gd name="connsiteY4" fmla="*/ 36004 h 42767"/>
                    <a:gd name="connsiteX5" fmla="*/ 5233 w 76960"/>
                    <a:gd name="connsiteY5" fmla="*/ 0 h 42767"/>
                    <a:gd name="connsiteX6" fmla="*/ 0 w 76960"/>
                    <a:gd name="connsiteY6" fmla="*/ 5334 h 42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6960" h="42767">
                      <a:moveTo>
                        <a:pt x="0" y="5334"/>
                      </a:moveTo>
                      <a:lnTo>
                        <a:pt x="71831" y="42386"/>
                      </a:lnTo>
                      <a:cubicBezTo>
                        <a:pt x="72402" y="42672"/>
                        <a:pt x="72878" y="42767"/>
                        <a:pt x="73449" y="42767"/>
                      </a:cubicBezTo>
                      <a:cubicBezTo>
                        <a:pt x="74781" y="42767"/>
                        <a:pt x="76017" y="42101"/>
                        <a:pt x="76588" y="40862"/>
                      </a:cubicBezTo>
                      <a:cubicBezTo>
                        <a:pt x="77445" y="39148"/>
                        <a:pt x="76779" y="36957"/>
                        <a:pt x="75066" y="36004"/>
                      </a:cubicBezTo>
                      <a:lnTo>
                        <a:pt x="5233" y="0"/>
                      </a:lnTo>
                      <a:cubicBezTo>
                        <a:pt x="3520" y="1619"/>
                        <a:pt x="1712" y="3429"/>
                        <a:pt x="0" y="5334"/>
                      </a:cubicBezTo>
                      <a:close/>
                    </a:path>
                  </a:pathLst>
                </a:custGeom>
                <a:solidFill>
                  <a:srgbClr val="B3B3B3"/>
                </a:solidFill>
                <a:ln w="9492" cap="flat">
                  <a:noFill/>
                  <a:prstDash val="solid"/>
                  <a:miter/>
                </a:ln>
              </p:spPr>
              <p:txBody>
                <a:bodyPr rtlCol="0" anchor="ctr"/>
                <a:lstStyle/>
                <a:p>
                  <a:endParaRPr lang="en-US"/>
                </a:p>
              </p:txBody>
            </p:sp>
            <p:sp>
              <p:nvSpPr>
                <p:cNvPr id="73" name="Freeform 72">
                  <a:extLst>
                    <a:ext uri="{FF2B5EF4-FFF2-40B4-BE49-F238E27FC236}">
                      <a16:creationId xmlns:a16="http://schemas.microsoft.com/office/drawing/2014/main" id="{0CB099F8-0EE4-0EB4-75A8-5C60D26967B4}"/>
                    </a:ext>
                  </a:extLst>
                </p:cNvPr>
                <p:cNvSpPr/>
                <p:nvPr/>
              </p:nvSpPr>
              <p:spPr>
                <a:xfrm>
                  <a:off x="4279193" y="3996658"/>
                  <a:ext cx="81813" cy="44759"/>
                </a:xfrm>
                <a:custGeom>
                  <a:avLst/>
                  <a:gdLst>
                    <a:gd name="connsiteX0" fmla="*/ 81813 w 81813"/>
                    <a:gd name="connsiteY0" fmla="*/ 39616 h 44759"/>
                    <a:gd name="connsiteX1" fmla="*/ 5130 w 81813"/>
                    <a:gd name="connsiteY1" fmla="*/ 373 h 44759"/>
                    <a:gd name="connsiteX2" fmla="*/ 373 w 81813"/>
                    <a:gd name="connsiteY2" fmla="*/ 1897 h 44759"/>
                    <a:gd name="connsiteX3" fmla="*/ 1895 w 81813"/>
                    <a:gd name="connsiteY3" fmla="*/ 6660 h 44759"/>
                    <a:gd name="connsiteX4" fmla="*/ 76390 w 81813"/>
                    <a:gd name="connsiteY4" fmla="*/ 44760 h 44759"/>
                    <a:gd name="connsiteX5" fmla="*/ 81813 w 81813"/>
                    <a:gd name="connsiteY5" fmla="*/ 39521 h 447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1813" h="44759">
                      <a:moveTo>
                        <a:pt x="81813" y="39616"/>
                      </a:moveTo>
                      <a:lnTo>
                        <a:pt x="5130" y="373"/>
                      </a:lnTo>
                      <a:cubicBezTo>
                        <a:pt x="3417" y="-484"/>
                        <a:pt x="1229" y="183"/>
                        <a:pt x="373" y="1897"/>
                      </a:cubicBezTo>
                      <a:cubicBezTo>
                        <a:pt x="-484" y="3612"/>
                        <a:pt x="182" y="5802"/>
                        <a:pt x="1895" y="6660"/>
                      </a:cubicBezTo>
                      <a:lnTo>
                        <a:pt x="76390" y="44760"/>
                      </a:lnTo>
                      <a:cubicBezTo>
                        <a:pt x="78198" y="43045"/>
                        <a:pt x="80006" y="41331"/>
                        <a:pt x="81813" y="39521"/>
                      </a:cubicBezTo>
                      <a:close/>
                    </a:path>
                  </a:pathLst>
                </a:custGeom>
                <a:solidFill>
                  <a:srgbClr val="B3B3B3"/>
                </a:solidFill>
                <a:ln w="9492" cap="flat">
                  <a:noFill/>
                  <a:prstDash val="solid"/>
                  <a:miter/>
                </a:ln>
              </p:spPr>
              <p:txBody>
                <a:bodyPr rtlCol="0" anchor="ctr"/>
                <a:lstStyle/>
                <a:p>
                  <a:endParaRPr lang="en-US"/>
                </a:p>
              </p:txBody>
            </p:sp>
            <p:sp>
              <p:nvSpPr>
                <p:cNvPr id="74" name="Freeform 73">
                  <a:extLst>
                    <a:ext uri="{FF2B5EF4-FFF2-40B4-BE49-F238E27FC236}">
                      <a16:creationId xmlns:a16="http://schemas.microsoft.com/office/drawing/2014/main" id="{6508D023-8CFC-7714-483B-7545A2481779}"/>
                    </a:ext>
                  </a:extLst>
                </p:cNvPr>
                <p:cNvSpPr/>
                <p:nvPr/>
              </p:nvSpPr>
              <p:spPr>
                <a:xfrm>
                  <a:off x="4212689" y="4046188"/>
                  <a:ext cx="81908" cy="43997"/>
                </a:xfrm>
                <a:custGeom>
                  <a:avLst/>
                  <a:gdLst>
                    <a:gd name="connsiteX0" fmla="*/ 373 w 81908"/>
                    <a:gd name="connsiteY0" fmla="*/ 1992 h 43997"/>
                    <a:gd name="connsiteX1" fmla="*/ 1895 w 81908"/>
                    <a:gd name="connsiteY1" fmla="*/ 6755 h 43997"/>
                    <a:gd name="connsiteX2" fmla="*/ 74678 w 81908"/>
                    <a:gd name="connsiteY2" fmla="*/ 43998 h 43997"/>
                    <a:gd name="connsiteX3" fmla="*/ 81908 w 81908"/>
                    <a:gd name="connsiteY3" fmla="*/ 39616 h 43997"/>
                    <a:gd name="connsiteX4" fmla="*/ 5130 w 81908"/>
                    <a:gd name="connsiteY4" fmla="*/ 373 h 43997"/>
                    <a:gd name="connsiteX5" fmla="*/ 373 w 81908"/>
                    <a:gd name="connsiteY5" fmla="*/ 1897 h 439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81908" h="43997">
                      <a:moveTo>
                        <a:pt x="373" y="1992"/>
                      </a:moveTo>
                      <a:cubicBezTo>
                        <a:pt x="-484" y="3707"/>
                        <a:pt x="182" y="5898"/>
                        <a:pt x="1895" y="6755"/>
                      </a:cubicBezTo>
                      <a:lnTo>
                        <a:pt x="74678" y="43998"/>
                      </a:lnTo>
                      <a:cubicBezTo>
                        <a:pt x="77056" y="42569"/>
                        <a:pt x="79435" y="41140"/>
                        <a:pt x="81908" y="39616"/>
                      </a:cubicBezTo>
                      <a:lnTo>
                        <a:pt x="5130" y="373"/>
                      </a:lnTo>
                      <a:cubicBezTo>
                        <a:pt x="3417" y="-484"/>
                        <a:pt x="1229" y="182"/>
                        <a:pt x="373" y="1897"/>
                      </a:cubicBezTo>
                      <a:close/>
                    </a:path>
                  </a:pathLst>
                </a:custGeom>
                <a:solidFill>
                  <a:srgbClr val="B3B3B3"/>
                </a:solidFill>
                <a:ln w="9492" cap="flat">
                  <a:noFill/>
                  <a:prstDash val="solid"/>
                  <a:miter/>
                </a:ln>
              </p:spPr>
              <p:txBody>
                <a:bodyPr rtlCol="0" anchor="ctr"/>
                <a:lstStyle/>
                <a:p>
                  <a:endParaRPr lang="en-US"/>
                </a:p>
              </p:txBody>
            </p:sp>
            <p:sp>
              <p:nvSpPr>
                <p:cNvPr id="75" name="Freeform 74">
                  <a:extLst>
                    <a:ext uri="{FF2B5EF4-FFF2-40B4-BE49-F238E27FC236}">
                      <a16:creationId xmlns:a16="http://schemas.microsoft.com/office/drawing/2014/main" id="{DC390980-9A60-CBB7-A567-048B399A81CC}"/>
                    </a:ext>
                  </a:extLst>
                </p:cNvPr>
                <p:cNvSpPr/>
                <p:nvPr/>
              </p:nvSpPr>
              <p:spPr>
                <a:xfrm>
                  <a:off x="4308401" y="3969417"/>
                  <a:ext cx="77531" cy="43140"/>
                </a:xfrm>
                <a:custGeom>
                  <a:avLst/>
                  <a:gdLst>
                    <a:gd name="connsiteX0" fmla="*/ 5130 w 77531"/>
                    <a:gd name="connsiteY0" fmla="*/ 373 h 43140"/>
                    <a:gd name="connsiteX1" fmla="*/ 373 w 77531"/>
                    <a:gd name="connsiteY1" fmla="*/ 1897 h 43140"/>
                    <a:gd name="connsiteX2" fmla="*/ 1895 w 77531"/>
                    <a:gd name="connsiteY2" fmla="*/ 6660 h 43140"/>
                    <a:gd name="connsiteX3" fmla="*/ 73346 w 77531"/>
                    <a:gd name="connsiteY3" fmla="*/ 43140 h 43140"/>
                    <a:gd name="connsiteX4" fmla="*/ 77532 w 77531"/>
                    <a:gd name="connsiteY4" fmla="*/ 37235 h 43140"/>
                    <a:gd name="connsiteX5" fmla="*/ 5225 w 77531"/>
                    <a:gd name="connsiteY5" fmla="*/ 278 h 43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7531" h="43140">
                      <a:moveTo>
                        <a:pt x="5130" y="373"/>
                      </a:moveTo>
                      <a:cubicBezTo>
                        <a:pt x="3322" y="-484"/>
                        <a:pt x="1229" y="183"/>
                        <a:pt x="373" y="1897"/>
                      </a:cubicBezTo>
                      <a:cubicBezTo>
                        <a:pt x="-484" y="3612"/>
                        <a:pt x="182" y="5802"/>
                        <a:pt x="1895" y="6660"/>
                      </a:cubicBezTo>
                      <a:lnTo>
                        <a:pt x="73346" y="43140"/>
                      </a:lnTo>
                      <a:cubicBezTo>
                        <a:pt x="74773" y="41235"/>
                        <a:pt x="76105" y="39235"/>
                        <a:pt x="77532" y="37235"/>
                      </a:cubicBezTo>
                      <a:lnTo>
                        <a:pt x="5225" y="278"/>
                      </a:lnTo>
                      <a:close/>
                    </a:path>
                  </a:pathLst>
                </a:custGeom>
                <a:solidFill>
                  <a:srgbClr val="B3B3B3"/>
                </a:solidFill>
                <a:ln w="9492" cap="flat">
                  <a:noFill/>
                  <a:prstDash val="solid"/>
                  <a:miter/>
                </a:ln>
              </p:spPr>
              <p:txBody>
                <a:bodyPr rtlCol="0" anchor="ctr"/>
                <a:lstStyle/>
                <a:p>
                  <a:endParaRPr lang="en-US"/>
                </a:p>
              </p:txBody>
            </p:sp>
            <p:sp>
              <p:nvSpPr>
                <p:cNvPr id="76" name="Freeform 75">
                  <a:extLst>
                    <a:ext uri="{FF2B5EF4-FFF2-40B4-BE49-F238E27FC236}">
                      <a16:creationId xmlns:a16="http://schemas.microsoft.com/office/drawing/2014/main" id="{E58C615C-47CD-BE68-BAF0-259C81ED8120}"/>
                    </a:ext>
                  </a:extLst>
                </p:cNvPr>
                <p:cNvSpPr/>
                <p:nvPr/>
              </p:nvSpPr>
              <p:spPr>
                <a:xfrm>
                  <a:off x="4331520" y="3939127"/>
                  <a:ext cx="72013" cy="41044"/>
                </a:xfrm>
                <a:custGeom>
                  <a:avLst/>
                  <a:gdLst>
                    <a:gd name="connsiteX0" fmla="*/ 5130 w 72013"/>
                    <a:gd name="connsiteY0" fmla="*/ 373 h 41044"/>
                    <a:gd name="connsiteX1" fmla="*/ 373 w 72013"/>
                    <a:gd name="connsiteY1" fmla="*/ 1897 h 41044"/>
                    <a:gd name="connsiteX2" fmla="*/ 1895 w 72013"/>
                    <a:gd name="connsiteY2" fmla="*/ 6660 h 41044"/>
                    <a:gd name="connsiteX3" fmla="*/ 69159 w 72013"/>
                    <a:gd name="connsiteY3" fmla="*/ 41045 h 41044"/>
                    <a:gd name="connsiteX4" fmla="*/ 72014 w 72013"/>
                    <a:gd name="connsiteY4" fmla="*/ 34473 h 41044"/>
                    <a:gd name="connsiteX5" fmla="*/ 5130 w 72013"/>
                    <a:gd name="connsiteY5" fmla="*/ 278 h 410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2013" h="41044">
                      <a:moveTo>
                        <a:pt x="5130" y="373"/>
                      </a:moveTo>
                      <a:cubicBezTo>
                        <a:pt x="3417" y="-484"/>
                        <a:pt x="1229" y="183"/>
                        <a:pt x="373" y="1897"/>
                      </a:cubicBezTo>
                      <a:cubicBezTo>
                        <a:pt x="-484" y="3612"/>
                        <a:pt x="182" y="5802"/>
                        <a:pt x="1895" y="6660"/>
                      </a:cubicBezTo>
                      <a:lnTo>
                        <a:pt x="69159" y="41045"/>
                      </a:lnTo>
                      <a:cubicBezTo>
                        <a:pt x="70111" y="38854"/>
                        <a:pt x="71157" y="36759"/>
                        <a:pt x="72014" y="34473"/>
                      </a:cubicBezTo>
                      <a:lnTo>
                        <a:pt x="5130" y="278"/>
                      </a:lnTo>
                      <a:close/>
                    </a:path>
                  </a:pathLst>
                </a:custGeom>
                <a:solidFill>
                  <a:srgbClr val="B3B3B3"/>
                </a:solidFill>
                <a:ln w="9492" cap="flat">
                  <a:noFill/>
                  <a:prstDash val="solid"/>
                  <a:miter/>
                </a:ln>
              </p:spPr>
              <p:txBody>
                <a:bodyPr rtlCol="0" anchor="ctr"/>
                <a:lstStyle/>
                <a:p>
                  <a:endParaRPr lang="en-US"/>
                </a:p>
              </p:txBody>
            </p:sp>
            <p:sp>
              <p:nvSpPr>
                <p:cNvPr id="77" name="Freeform 76">
                  <a:extLst>
                    <a:ext uri="{FF2B5EF4-FFF2-40B4-BE49-F238E27FC236}">
                      <a16:creationId xmlns:a16="http://schemas.microsoft.com/office/drawing/2014/main" id="{B9196F95-EBA1-EDD5-D591-40FD3A256A85}"/>
                    </a:ext>
                  </a:extLst>
                </p:cNvPr>
                <p:cNvSpPr/>
                <p:nvPr/>
              </p:nvSpPr>
              <p:spPr>
                <a:xfrm>
                  <a:off x="4349597" y="3906510"/>
                  <a:ext cx="64021" cy="37848"/>
                </a:xfrm>
                <a:custGeom>
                  <a:avLst/>
                  <a:gdLst>
                    <a:gd name="connsiteX0" fmla="*/ 5130 w 64021"/>
                    <a:gd name="connsiteY0" fmla="*/ 415 h 37848"/>
                    <a:gd name="connsiteX1" fmla="*/ 373 w 64021"/>
                    <a:gd name="connsiteY1" fmla="*/ 1939 h 37848"/>
                    <a:gd name="connsiteX2" fmla="*/ 1895 w 64021"/>
                    <a:gd name="connsiteY2" fmla="*/ 6701 h 37848"/>
                    <a:gd name="connsiteX3" fmla="*/ 62500 w 64021"/>
                    <a:gd name="connsiteY3" fmla="*/ 37848 h 37848"/>
                    <a:gd name="connsiteX4" fmla="*/ 64022 w 64021"/>
                    <a:gd name="connsiteY4" fmla="*/ 30609 h 37848"/>
                    <a:gd name="connsiteX5" fmla="*/ 5130 w 64021"/>
                    <a:gd name="connsiteY5" fmla="*/ 320 h 378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021" h="37848">
                      <a:moveTo>
                        <a:pt x="5130" y="415"/>
                      </a:moveTo>
                      <a:cubicBezTo>
                        <a:pt x="3417" y="-538"/>
                        <a:pt x="1229" y="224"/>
                        <a:pt x="373" y="1939"/>
                      </a:cubicBezTo>
                      <a:cubicBezTo>
                        <a:pt x="-484" y="3653"/>
                        <a:pt x="182" y="5844"/>
                        <a:pt x="1895" y="6701"/>
                      </a:cubicBezTo>
                      <a:lnTo>
                        <a:pt x="62500" y="37848"/>
                      </a:lnTo>
                      <a:cubicBezTo>
                        <a:pt x="62975" y="35467"/>
                        <a:pt x="63641" y="33086"/>
                        <a:pt x="64022" y="30609"/>
                      </a:cubicBezTo>
                      <a:lnTo>
                        <a:pt x="5130" y="320"/>
                      </a:lnTo>
                      <a:close/>
                    </a:path>
                  </a:pathLst>
                </a:custGeom>
                <a:solidFill>
                  <a:srgbClr val="B3B3B3"/>
                </a:solidFill>
                <a:ln w="9492" cap="flat">
                  <a:noFill/>
                  <a:prstDash val="solid"/>
                  <a:miter/>
                </a:ln>
              </p:spPr>
              <p:txBody>
                <a:bodyPr rtlCol="0" anchor="ctr"/>
                <a:lstStyle/>
                <a:p>
                  <a:endParaRPr lang="en-US"/>
                </a:p>
              </p:txBody>
            </p:sp>
            <p:sp>
              <p:nvSpPr>
                <p:cNvPr id="78" name="Freeform 77">
                  <a:extLst>
                    <a:ext uri="{FF2B5EF4-FFF2-40B4-BE49-F238E27FC236}">
                      <a16:creationId xmlns:a16="http://schemas.microsoft.com/office/drawing/2014/main" id="{9891D06A-2E10-250D-E726-7A55CDDEF2C6}"/>
                    </a:ext>
                  </a:extLst>
                </p:cNvPr>
                <p:cNvSpPr/>
                <p:nvPr/>
              </p:nvSpPr>
              <p:spPr>
                <a:xfrm>
                  <a:off x="3611771" y="3589076"/>
                  <a:ext cx="181814" cy="72485"/>
                </a:xfrm>
                <a:custGeom>
                  <a:avLst/>
                  <a:gdLst>
                    <a:gd name="connsiteX0" fmla="*/ 176962 w 181814"/>
                    <a:gd name="connsiteY0" fmla="*/ 72485 h 72485"/>
                    <a:gd name="connsiteX1" fmla="*/ 181814 w 181814"/>
                    <a:gd name="connsiteY1" fmla="*/ 66675 h 72485"/>
                    <a:gd name="connsiteX2" fmla="*/ 0 w 181814"/>
                    <a:gd name="connsiteY2" fmla="*/ 0 h 72485"/>
                    <a:gd name="connsiteX3" fmla="*/ 1237 w 181814"/>
                    <a:gd name="connsiteY3" fmla="*/ 8096 h 72485"/>
                    <a:gd name="connsiteX4" fmla="*/ 176962 w 181814"/>
                    <a:gd name="connsiteY4" fmla="*/ 72485 h 7248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81814" h="72485">
                      <a:moveTo>
                        <a:pt x="176962" y="72485"/>
                      </a:moveTo>
                      <a:cubicBezTo>
                        <a:pt x="178580" y="70580"/>
                        <a:pt x="180197" y="68580"/>
                        <a:pt x="181814" y="66675"/>
                      </a:cubicBezTo>
                      <a:lnTo>
                        <a:pt x="0" y="0"/>
                      </a:lnTo>
                      <a:cubicBezTo>
                        <a:pt x="381" y="2667"/>
                        <a:pt x="856" y="5429"/>
                        <a:pt x="1237" y="8096"/>
                      </a:cubicBezTo>
                      <a:lnTo>
                        <a:pt x="176962" y="72485"/>
                      </a:lnTo>
                      <a:close/>
                    </a:path>
                  </a:pathLst>
                </a:custGeom>
                <a:solidFill>
                  <a:srgbClr val="B3B3B3"/>
                </a:solidFill>
                <a:ln w="9492" cap="flat">
                  <a:noFill/>
                  <a:prstDash val="solid"/>
                  <a:miter/>
                </a:ln>
              </p:spPr>
              <p:txBody>
                <a:bodyPr rtlCol="0" anchor="ctr"/>
                <a:lstStyle/>
                <a:p>
                  <a:endParaRPr lang="en-US"/>
                </a:p>
              </p:txBody>
            </p:sp>
            <p:sp>
              <p:nvSpPr>
                <p:cNvPr id="79" name="Freeform 78">
                  <a:extLst>
                    <a:ext uri="{FF2B5EF4-FFF2-40B4-BE49-F238E27FC236}">
                      <a16:creationId xmlns:a16="http://schemas.microsoft.com/office/drawing/2014/main" id="{A1FC1752-E25B-2769-374A-6902DDD504CA}"/>
                    </a:ext>
                  </a:extLst>
                </p:cNvPr>
                <p:cNvSpPr/>
                <p:nvPr/>
              </p:nvSpPr>
              <p:spPr>
                <a:xfrm>
                  <a:off x="3621666" y="3632890"/>
                  <a:ext cx="145089" cy="58674"/>
                </a:xfrm>
                <a:custGeom>
                  <a:avLst/>
                  <a:gdLst>
                    <a:gd name="connsiteX0" fmla="*/ 2854 w 145089"/>
                    <a:gd name="connsiteY0" fmla="*/ 8668 h 58674"/>
                    <a:gd name="connsiteX1" fmla="*/ 139667 w 145089"/>
                    <a:gd name="connsiteY1" fmla="*/ 58674 h 58674"/>
                    <a:gd name="connsiteX2" fmla="*/ 145090 w 145089"/>
                    <a:gd name="connsiteY2" fmla="*/ 53054 h 58674"/>
                    <a:gd name="connsiteX3" fmla="*/ 0 w 145089"/>
                    <a:gd name="connsiteY3" fmla="*/ 0 h 58674"/>
                    <a:gd name="connsiteX4" fmla="*/ 2854 w 145089"/>
                    <a:gd name="connsiteY4" fmla="*/ 8668 h 586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5089" h="58674">
                      <a:moveTo>
                        <a:pt x="2854" y="8668"/>
                      </a:moveTo>
                      <a:lnTo>
                        <a:pt x="139667" y="58674"/>
                      </a:lnTo>
                      <a:cubicBezTo>
                        <a:pt x="141474" y="56769"/>
                        <a:pt x="143282" y="54959"/>
                        <a:pt x="145090" y="53054"/>
                      </a:cubicBezTo>
                      <a:lnTo>
                        <a:pt x="0" y="0"/>
                      </a:lnTo>
                      <a:cubicBezTo>
                        <a:pt x="951" y="2858"/>
                        <a:pt x="1903" y="5810"/>
                        <a:pt x="2854" y="8668"/>
                      </a:cubicBezTo>
                      <a:close/>
                    </a:path>
                  </a:pathLst>
                </a:custGeom>
                <a:solidFill>
                  <a:srgbClr val="B3B3B3"/>
                </a:solidFill>
                <a:ln w="9492" cap="flat">
                  <a:noFill/>
                  <a:prstDash val="solid"/>
                  <a:miter/>
                </a:ln>
              </p:spPr>
              <p:txBody>
                <a:bodyPr rtlCol="0" anchor="ctr"/>
                <a:lstStyle/>
                <a:p>
                  <a:endParaRPr lang="en-US"/>
                </a:p>
              </p:txBody>
            </p:sp>
            <p:sp>
              <p:nvSpPr>
                <p:cNvPr id="80" name="Freeform 79">
                  <a:extLst>
                    <a:ext uri="{FF2B5EF4-FFF2-40B4-BE49-F238E27FC236}">
                      <a16:creationId xmlns:a16="http://schemas.microsoft.com/office/drawing/2014/main" id="{347154CA-9FBE-F02C-B227-1BDB38C70F94}"/>
                    </a:ext>
                  </a:extLst>
                </p:cNvPr>
                <p:cNvSpPr/>
                <p:nvPr/>
              </p:nvSpPr>
              <p:spPr>
                <a:xfrm>
                  <a:off x="3680916" y="3696019"/>
                  <a:ext cx="56631" cy="24978"/>
                </a:xfrm>
                <a:custGeom>
                  <a:avLst/>
                  <a:gdLst>
                    <a:gd name="connsiteX0" fmla="*/ 213 w 56631"/>
                    <a:gd name="connsiteY0" fmla="*/ 2404 h 24978"/>
                    <a:gd name="connsiteX1" fmla="*/ 2306 w 56631"/>
                    <a:gd name="connsiteY1" fmla="*/ 6976 h 24978"/>
                    <a:gd name="connsiteX2" fmla="*/ 50923 w 56631"/>
                    <a:gd name="connsiteY2" fmla="*/ 24978 h 24978"/>
                    <a:gd name="connsiteX3" fmla="*/ 56631 w 56631"/>
                    <a:gd name="connsiteY3" fmla="*/ 19454 h 24978"/>
                    <a:gd name="connsiteX4" fmla="*/ 4780 w 56631"/>
                    <a:gd name="connsiteY4" fmla="*/ 213 h 24978"/>
                    <a:gd name="connsiteX5" fmla="*/ 213 w 56631"/>
                    <a:gd name="connsiteY5" fmla="*/ 2309 h 24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6631" h="24978">
                      <a:moveTo>
                        <a:pt x="213" y="2404"/>
                      </a:moveTo>
                      <a:cubicBezTo>
                        <a:pt x="-453" y="4214"/>
                        <a:pt x="498" y="6309"/>
                        <a:pt x="2306" y="6976"/>
                      </a:cubicBezTo>
                      <a:lnTo>
                        <a:pt x="50923" y="24978"/>
                      </a:lnTo>
                      <a:cubicBezTo>
                        <a:pt x="52921" y="23073"/>
                        <a:pt x="54824" y="21263"/>
                        <a:pt x="56631" y="19454"/>
                      </a:cubicBezTo>
                      <a:lnTo>
                        <a:pt x="4780" y="213"/>
                      </a:lnTo>
                      <a:cubicBezTo>
                        <a:pt x="2972" y="-454"/>
                        <a:pt x="879" y="499"/>
                        <a:pt x="213" y="2309"/>
                      </a:cubicBezTo>
                      <a:close/>
                    </a:path>
                  </a:pathLst>
                </a:custGeom>
                <a:solidFill>
                  <a:srgbClr val="B3B3B3"/>
                </a:solidFill>
                <a:ln w="9492" cap="flat">
                  <a:noFill/>
                  <a:prstDash val="solid"/>
                  <a:miter/>
                </a:ln>
              </p:spPr>
              <p:txBody>
                <a:bodyPr rtlCol="0" anchor="ctr"/>
                <a:lstStyle/>
                <a:p>
                  <a:endParaRPr lang="en-US"/>
                </a:p>
              </p:txBody>
            </p:sp>
            <p:sp>
              <p:nvSpPr>
                <p:cNvPr id="81" name="Freeform 80">
                  <a:extLst>
                    <a:ext uri="{FF2B5EF4-FFF2-40B4-BE49-F238E27FC236}">
                      <a16:creationId xmlns:a16="http://schemas.microsoft.com/office/drawing/2014/main" id="{B3825886-078A-E571-E64C-240B77C8FF05}"/>
                    </a:ext>
                  </a:extLst>
                </p:cNvPr>
                <p:cNvSpPr/>
                <p:nvPr/>
              </p:nvSpPr>
              <p:spPr>
                <a:xfrm>
                  <a:off x="3609964" y="3549451"/>
                  <a:ext cx="72233" cy="32194"/>
                </a:xfrm>
                <a:custGeom>
                  <a:avLst/>
                  <a:gdLst>
                    <a:gd name="connsiteX0" fmla="*/ 67455 w 72233"/>
                    <a:gd name="connsiteY0" fmla="*/ 32004 h 32194"/>
                    <a:gd name="connsiteX1" fmla="*/ 68692 w 72233"/>
                    <a:gd name="connsiteY1" fmla="*/ 32195 h 32194"/>
                    <a:gd name="connsiteX2" fmla="*/ 72022 w 72233"/>
                    <a:gd name="connsiteY2" fmla="*/ 29813 h 32194"/>
                    <a:gd name="connsiteX3" fmla="*/ 69833 w 72233"/>
                    <a:gd name="connsiteY3" fmla="*/ 25241 h 32194"/>
                    <a:gd name="connsiteX4" fmla="*/ 285 w 72233"/>
                    <a:gd name="connsiteY4" fmla="*/ 0 h 32194"/>
                    <a:gd name="connsiteX5" fmla="*/ 0 w 72233"/>
                    <a:gd name="connsiteY5" fmla="*/ 7525 h 32194"/>
                    <a:gd name="connsiteX6" fmla="*/ 67360 w 72233"/>
                    <a:gd name="connsiteY6" fmla="*/ 31909 h 321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2233" h="32194">
                      <a:moveTo>
                        <a:pt x="67455" y="32004"/>
                      </a:moveTo>
                      <a:cubicBezTo>
                        <a:pt x="67455" y="32004"/>
                        <a:pt x="68216" y="32195"/>
                        <a:pt x="68692" y="32195"/>
                      </a:cubicBezTo>
                      <a:cubicBezTo>
                        <a:pt x="70119" y="32195"/>
                        <a:pt x="71546" y="31337"/>
                        <a:pt x="72022" y="29813"/>
                      </a:cubicBezTo>
                      <a:cubicBezTo>
                        <a:pt x="72688" y="28004"/>
                        <a:pt x="71736" y="25908"/>
                        <a:pt x="69833" y="25241"/>
                      </a:cubicBezTo>
                      <a:lnTo>
                        <a:pt x="285" y="0"/>
                      </a:lnTo>
                      <a:cubicBezTo>
                        <a:pt x="95" y="2477"/>
                        <a:pt x="95" y="5048"/>
                        <a:pt x="0" y="7525"/>
                      </a:cubicBezTo>
                      <a:lnTo>
                        <a:pt x="67360" y="31909"/>
                      </a:lnTo>
                      <a:close/>
                    </a:path>
                  </a:pathLst>
                </a:custGeom>
                <a:solidFill>
                  <a:srgbClr val="B3B3B3"/>
                </a:solidFill>
                <a:ln w="9492" cap="flat">
                  <a:noFill/>
                  <a:prstDash val="solid"/>
                  <a:miter/>
                </a:ln>
              </p:spPr>
              <p:txBody>
                <a:bodyPr rtlCol="0" anchor="ctr"/>
                <a:lstStyle/>
                <a:p>
                  <a:endParaRPr lang="en-US"/>
                </a:p>
              </p:txBody>
            </p:sp>
            <p:sp>
              <p:nvSpPr>
                <p:cNvPr id="82" name="Freeform 81">
                  <a:extLst>
                    <a:ext uri="{FF2B5EF4-FFF2-40B4-BE49-F238E27FC236}">
                      <a16:creationId xmlns:a16="http://schemas.microsoft.com/office/drawing/2014/main" id="{80D006F2-3CDC-EDE2-0483-49AC45A834B9}"/>
                    </a:ext>
                  </a:extLst>
                </p:cNvPr>
                <p:cNvSpPr/>
                <p:nvPr/>
              </p:nvSpPr>
              <p:spPr>
                <a:xfrm>
                  <a:off x="3626518" y="3476395"/>
                  <a:ext cx="76515" cy="32956"/>
                </a:xfrm>
                <a:custGeom>
                  <a:avLst/>
                  <a:gdLst>
                    <a:gd name="connsiteX0" fmla="*/ 71736 w 76515"/>
                    <a:gd name="connsiteY0" fmla="*/ 32766 h 32956"/>
                    <a:gd name="connsiteX1" fmla="*/ 72973 w 76515"/>
                    <a:gd name="connsiteY1" fmla="*/ 32957 h 32956"/>
                    <a:gd name="connsiteX2" fmla="*/ 76303 w 76515"/>
                    <a:gd name="connsiteY2" fmla="*/ 30575 h 32956"/>
                    <a:gd name="connsiteX3" fmla="*/ 74210 w 76515"/>
                    <a:gd name="connsiteY3" fmla="*/ 26003 h 32956"/>
                    <a:gd name="connsiteX4" fmla="*/ 3140 w 76515"/>
                    <a:gd name="connsiteY4" fmla="*/ 0 h 32956"/>
                    <a:gd name="connsiteX5" fmla="*/ 0 w 76515"/>
                    <a:gd name="connsiteY5" fmla="*/ 6477 h 32956"/>
                    <a:gd name="connsiteX6" fmla="*/ 71831 w 76515"/>
                    <a:gd name="connsiteY6" fmla="*/ 32671 h 329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6515" h="32956">
                      <a:moveTo>
                        <a:pt x="71736" y="32766"/>
                      </a:moveTo>
                      <a:cubicBezTo>
                        <a:pt x="71736" y="32766"/>
                        <a:pt x="72593" y="32957"/>
                        <a:pt x="72973" y="32957"/>
                      </a:cubicBezTo>
                      <a:cubicBezTo>
                        <a:pt x="74400" y="32957"/>
                        <a:pt x="75827" y="32099"/>
                        <a:pt x="76303" y="30575"/>
                      </a:cubicBezTo>
                      <a:cubicBezTo>
                        <a:pt x="76969" y="28766"/>
                        <a:pt x="76018" y="26670"/>
                        <a:pt x="74210" y="26003"/>
                      </a:cubicBezTo>
                      <a:lnTo>
                        <a:pt x="3140" y="0"/>
                      </a:lnTo>
                      <a:cubicBezTo>
                        <a:pt x="2093" y="2096"/>
                        <a:pt x="951" y="4191"/>
                        <a:pt x="0" y="6477"/>
                      </a:cubicBezTo>
                      <a:lnTo>
                        <a:pt x="71831" y="32671"/>
                      </a:lnTo>
                      <a:close/>
                    </a:path>
                  </a:pathLst>
                </a:custGeom>
                <a:solidFill>
                  <a:srgbClr val="B3B3B3"/>
                </a:solidFill>
                <a:ln w="9492" cap="flat">
                  <a:noFill/>
                  <a:prstDash val="solid"/>
                  <a:miter/>
                </a:ln>
              </p:spPr>
              <p:txBody>
                <a:bodyPr rtlCol="0" anchor="ctr"/>
                <a:lstStyle/>
                <a:p>
                  <a:endParaRPr lang="en-US"/>
                </a:p>
              </p:txBody>
            </p:sp>
            <p:sp>
              <p:nvSpPr>
                <p:cNvPr id="83" name="Freeform 82">
                  <a:extLst>
                    <a:ext uri="{FF2B5EF4-FFF2-40B4-BE49-F238E27FC236}">
                      <a16:creationId xmlns:a16="http://schemas.microsoft.com/office/drawing/2014/main" id="{5CD82E3E-A915-89D6-14D7-EFE13F6236B7}"/>
                    </a:ext>
                  </a:extLst>
                </p:cNvPr>
                <p:cNvSpPr/>
                <p:nvPr/>
              </p:nvSpPr>
              <p:spPr>
                <a:xfrm>
                  <a:off x="3614721" y="3511542"/>
                  <a:ext cx="73090" cy="32289"/>
                </a:xfrm>
                <a:custGeom>
                  <a:avLst/>
                  <a:gdLst>
                    <a:gd name="connsiteX0" fmla="*/ 68311 w 73090"/>
                    <a:gd name="connsiteY0" fmla="*/ 32099 h 32289"/>
                    <a:gd name="connsiteX1" fmla="*/ 69548 w 73090"/>
                    <a:gd name="connsiteY1" fmla="*/ 32290 h 32289"/>
                    <a:gd name="connsiteX2" fmla="*/ 72878 w 73090"/>
                    <a:gd name="connsiteY2" fmla="*/ 29909 h 32289"/>
                    <a:gd name="connsiteX3" fmla="*/ 70785 w 73090"/>
                    <a:gd name="connsiteY3" fmla="*/ 25336 h 32289"/>
                    <a:gd name="connsiteX4" fmla="*/ 1808 w 73090"/>
                    <a:gd name="connsiteY4" fmla="*/ 0 h 32289"/>
                    <a:gd name="connsiteX5" fmla="*/ 0 w 73090"/>
                    <a:gd name="connsiteY5" fmla="*/ 6953 h 32289"/>
                    <a:gd name="connsiteX6" fmla="*/ 68311 w 73090"/>
                    <a:gd name="connsiteY6" fmla="*/ 32004 h 322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73090" h="32289">
                      <a:moveTo>
                        <a:pt x="68311" y="32099"/>
                      </a:moveTo>
                      <a:cubicBezTo>
                        <a:pt x="68311" y="32099"/>
                        <a:pt x="69167" y="32290"/>
                        <a:pt x="69548" y="32290"/>
                      </a:cubicBezTo>
                      <a:cubicBezTo>
                        <a:pt x="70975" y="32290"/>
                        <a:pt x="72402" y="31433"/>
                        <a:pt x="72878" y="29909"/>
                      </a:cubicBezTo>
                      <a:cubicBezTo>
                        <a:pt x="73544" y="28099"/>
                        <a:pt x="72592" y="26003"/>
                        <a:pt x="70785" y="25336"/>
                      </a:cubicBezTo>
                      <a:lnTo>
                        <a:pt x="1808" y="0"/>
                      </a:lnTo>
                      <a:cubicBezTo>
                        <a:pt x="1237" y="2286"/>
                        <a:pt x="571" y="4667"/>
                        <a:pt x="0" y="6953"/>
                      </a:cubicBezTo>
                      <a:lnTo>
                        <a:pt x="68311" y="32004"/>
                      </a:lnTo>
                      <a:close/>
                    </a:path>
                  </a:pathLst>
                </a:custGeom>
                <a:solidFill>
                  <a:srgbClr val="B3B3B3"/>
                </a:solidFill>
                <a:ln w="9492" cap="flat">
                  <a:noFill/>
                  <a:prstDash val="solid"/>
                  <a:miter/>
                </a:ln>
              </p:spPr>
              <p:txBody>
                <a:bodyPr rtlCol="0" anchor="ctr"/>
                <a:lstStyle/>
                <a:p>
                  <a:endParaRPr lang="en-US"/>
                </a:p>
              </p:txBody>
            </p:sp>
            <p:sp>
              <p:nvSpPr>
                <p:cNvPr id="84" name="Freeform 83">
                  <a:extLst>
                    <a:ext uri="{FF2B5EF4-FFF2-40B4-BE49-F238E27FC236}">
                      <a16:creationId xmlns:a16="http://schemas.microsoft.com/office/drawing/2014/main" id="{000AE1F8-9372-C97D-6192-30A55502044A}"/>
                    </a:ext>
                  </a:extLst>
                </p:cNvPr>
                <p:cNvSpPr/>
                <p:nvPr/>
              </p:nvSpPr>
              <p:spPr>
                <a:xfrm>
                  <a:off x="3759884" y="3605627"/>
                  <a:ext cx="56154" cy="24881"/>
                </a:xfrm>
                <a:custGeom>
                  <a:avLst/>
                  <a:gdLst>
                    <a:gd name="connsiteX0" fmla="*/ 4779 w 56154"/>
                    <a:gd name="connsiteY0" fmla="*/ 212 h 24881"/>
                    <a:gd name="connsiteX1" fmla="*/ 212 w 56154"/>
                    <a:gd name="connsiteY1" fmla="*/ 2403 h 24881"/>
                    <a:gd name="connsiteX2" fmla="*/ 2400 w 56154"/>
                    <a:gd name="connsiteY2" fmla="*/ 6975 h 24881"/>
                    <a:gd name="connsiteX3" fmla="*/ 52254 w 56154"/>
                    <a:gd name="connsiteY3" fmla="*/ 24882 h 24881"/>
                    <a:gd name="connsiteX4" fmla="*/ 56155 w 56154"/>
                    <a:gd name="connsiteY4" fmla="*/ 18691 h 24881"/>
                    <a:gd name="connsiteX5" fmla="*/ 4874 w 56154"/>
                    <a:gd name="connsiteY5" fmla="*/ 307 h 248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6154" h="24881">
                      <a:moveTo>
                        <a:pt x="4779" y="212"/>
                      </a:moveTo>
                      <a:cubicBezTo>
                        <a:pt x="2876" y="-455"/>
                        <a:pt x="878" y="498"/>
                        <a:pt x="212" y="2403"/>
                      </a:cubicBezTo>
                      <a:cubicBezTo>
                        <a:pt x="-454" y="4213"/>
                        <a:pt x="497" y="6308"/>
                        <a:pt x="2400" y="6975"/>
                      </a:cubicBezTo>
                      <a:lnTo>
                        <a:pt x="52254" y="24882"/>
                      </a:lnTo>
                      <a:cubicBezTo>
                        <a:pt x="53586" y="22882"/>
                        <a:pt x="54823" y="20786"/>
                        <a:pt x="56155" y="18691"/>
                      </a:cubicBezTo>
                      <a:lnTo>
                        <a:pt x="4874" y="307"/>
                      </a:lnTo>
                      <a:close/>
                    </a:path>
                  </a:pathLst>
                </a:custGeom>
                <a:solidFill>
                  <a:srgbClr val="B3B3B3"/>
                </a:solidFill>
                <a:ln w="9492" cap="flat">
                  <a:noFill/>
                  <a:prstDash val="solid"/>
                  <a:miter/>
                </a:ln>
              </p:spPr>
              <p:txBody>
                <a:bodyPr rtlCol="0" anchor="ctr"/>
                <a:lstStyle/>
                <a:p>
                  <a:endParaRPr lang="en-US"/>
                </a:p>
              </p:txBody>
            </p:sp>
            <p:sp>
              <p:nvSpPr>
                <p:cNvPr id="85" name="Freeform 84">
                  <a:extLst>
                    <a:ext uri="{FF2B5EF4-FFF2-40B4-BE49-F238E27FC236}">
                      <a16:creationId xmlns:a16="http://schemas.microsoft.com/office/drawing/2014/main" id="{5A20C7B7-86F6-AA4C-5048-F358F2A95296}"/>
                    </a:ext>
                  </a:extLst>
                </p:cNvPr>
                <p:cNvSpPr/>
                <p:nvPr/>
              </p:nvSpPr>
              <p:spPr>
                <a:xfrm>
                  <a:off x="3772822" y="3570098"/>
                  <a:ext cx="59675" cy="26978"/>
                </a:xfrm>
                <a:custGeom>
                  <a:avLst/>
                  <a:gdLst>
                    <a:gd name="connsiteX0" fmla="*/ 4780 w 59675"/>
                    <a:gd name="connsiteY0" fmla="*/ 213 h 26978"/>
                    <a:gd name="connsiteX1" fmla="*/ 213 w 59675"/>
                    <a:gd name="connsiteY1" fmla="*/ 2309 h 26978"/>
                    <a:gd name="connsiteX2" fmla="*/ 2306 w 59675"/>
                    <a:gd name="connsiteY2" fmla="*/ 6881 h 26978"/>
                    <a:gd name="connsiteX3" fmla="*/ 57012 w 59675"/>
                    <a:gd name="connsiteY3" fmla="*/ 26978 h 26978"/>
                    <a:gd name="connsiteX4" fmla="*/ 59676 w 59675"/>
                    <a:gd name="connsiteY4" fmla="*/ 20311 h 26978"/>
                    <a:gd name="connsiteX5" fmla="*/ 4875 w 59675"/>
                    <a:gd name="connsiteY5" fmla="*/ 118 h 26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9675" h="26978">
                      <a:moveTo>
                        <a:pt x="4780" y="213"/>
                      </a:moveTo>
                      <a:cubicBezTo>
                        <a:pt x="2972" y="-454"/>
                        <a:pt x="879" y="499"/>
                        <a:pt x="213" y="2309"/>
                      </a:cubicBezTo>
                      <a:cubicBezTo>
                        <a:pt x="-453" y="4118"/>
                        <a:pt x="498" y="6214"/>
                        <a:pt x="2306" y="6881"/>
                      </a:cubicBezTo>
                      <a:lnTo>
                        <a:pt x="57012" y="26978"/>
                      </a:lnTo>
                      <a:cubicBezTo>
                        <a:pt x="57963" y="24788"/>
                        <a:pt x="58820" y="22597"/>
                        <a:pt x="59676" y="20311"/>
                      </a:cubicBezTo>
                      <a:lnTo>
                        <a:pt x="4875" y="118"/>
                      </a:lnTo>
                      <a:close/>
                    </a:path>
                  </a:pathLst>
                </a:custGeom>
                <a:solidFill>
                  <a:srgbClr val="B3B3B3"/>
                </a:solidFill>
                <a:ln w="9492" cap="flat">
                  <a:noFill/>
                  <a:prstDash val="solid"/>
                  <a:miter/>
                </a:ln>
              </p:spPr>
              <p:txBody>
                <a:bodyPr rtlCol="0" anchor="ctr"/>
                <a:lstStyle/>
                <a:p>
                  <a:endParaRPr lang="en-US"/>
                </a:p>
              </p:txBody>
            </p:sp>
            <p:sp>
              <p:nvSpPr>
                <p:cNvPr id="86" name="Freeform 85">
                  <a:extLst>
                    <a:ext uri="{FF2B5EF4-FFF2-40B4-BE49-F238E27FC236}">
                      <a16:creationId xmlns:a16="http://schemas.microsoft.com/office/drawing/2014/main" id="{7ED1755B-9C8D-67EC-5BFA-6027FF665FCE}"/>
                    </a:ext>
                  </a:extLst>
                </p:cNvPr>
                <p:cNvSpPr/>
                <p:nvPr/>
              </p:nvSpPr>
              <p:spPr>
                <a:xfrm>
                  <a:off x="3649162" y="3446105"/>
                  <a:ext cx="71283" cy="29813"/>
                </a:xfrm>
                <a:custGeom>
                  <a:avLst/>
                  <a:gdLst>
                    <a:gd name="connsiteX0" fmla="*/ 951 w 71283"/>
                    <a:gd name="connsiteY0" fmla="*/ 5715 h 29813"/>
                    <a:gd name="connsiteX1" fmla="*/ 66503 w 71283"/>
                    <a:gd name="connsiteY1" fmla="*/ 29623 h 29813"/>
                    <a:gd name="connsiteX2" fmla="*/ 67740 w 71283"/>
                    <a:gd name="connsiteY2" fmla="*/ 29813 h 29813"/>
                    <a:gd name="connsiteX3" fmla="*/ 71070 w 71283"/>
                    <a:gd name="connsiteY3" fmla="*/ 27432 h 29813"/>
                    <a:gd name="connsiteX4" fmla="*/ 68977 w 71283"/>
                    <a:gd name="connsiteY4" fmla="*/ 22860 h 29813"/>
                    <a:gd name="connsiteX5" fmla="*/ 6470 w 71283"/>
                    <a:gd name="connsiteY5" fmla="*/ 0 h 29813"/>
                    <a:gd name="connsiteX6" fmla="*/ 0 w 71283"/>
                    <a:gd name="connsiteY6" fmla="*/ 4953 h 29813"/>
                    <a:gd name="connsiteX7" fmla="*/ 1047 w 71283"/>
                    <a:gd name="connsiteY7" fmla="*/ 5620 h 298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1283" h="29813">
                      <a:moveTo>
                        <a:pt x="951" y="5715"/>
                      </a:moveTo>
                      <a:lnTo>
                        <a:pt x="66503" y="29623"/>
                      </a:lnTo>
                      <a:cubicBezTo>
                        <a:pt x="66503" y="29623"/>
                        <a:pt x="67360" y="29813"/>
                        <a:pt x="67740" y="29813"/>
                      </a:cubicBezTo>
                      <a:cubicBezTo>
                        <a:pt x="69167" y="29813"/>
                        <a:pt x="70595" y="28956"/>
                        <a:pt x="71070" y="27432"/>
                      </a:cubicBezTo>
                      <a:cubicBezTo>
                        <a:pt x="71736" y="25622"/>
                        <a:pt x="70785" y="23527"/>
                        <a:pt x="68977" y="22860"/>
                      </a:cubicBezTo>
                      <a:lnTo>
                        <a:pt x="6470" y="0"/>
                      </a:lnTo>
                      <a:cubicBezTo>
                        <a:pt x="4281" y="1524"/>
                        <a:pt x="2093" y="3143"/>
                        <a:pt x="0" y="4953"/>
                      </a:cubicBezTo>
                      <a:cubicBezTo>
                        <a:pt x="285" y="5239"/>
                        <a:pt x="666" y="5429"/>
                        <a:pt x="1047" y="5620"/>
                      </a:cubicBezTo>
                      <a:close/>
                    </a:path>
                  </a:pathLst>
                </a:custGeom>
                <a:solidFill>
                  <a:srgbClr val="B3B3B3"/>
                </a:solidFill>
                <a:ln w="9492" cap="flat">
                  <a:noFill/>
                  <a:prstDash val="solid"/>
                  <a:miter/>
                </a:ln>
              </p:spPr>
              <p:txBody>
                <a:bodyPr rtlCol="0" anchor="ctr"/>
                <a:lstStyle/>
                <a:p>
                  <a:endParaRPr lang="en-US"/>
                </a:p>
              </p:txBody>
            </p:sp>
            <p:sp>
              <p:nvSpPr>
                <p:cNvPr id="87" name="Freeform 86">
                  <a:extLst>
                    <a:ext uri="{FF2B5EF4-FFF2-40B4-BE49-F238E27FC236}">
                      <a16:creationId xmlns:a16="http://schemas.microsoft.com/office/drawing/2014/main" id="{D02308E6-D70C-7D0D-2C2F-545581F91344}"/>
                    </a:ext>
                  </a:extLst>
                </p:cNvPr>
                <p:cNvSpPr/>
                <p:nvPr/>
              </p:nvSpPr>
              <p:spPr>
                <a:xfrm>
                  <a:off x="3782241" y="3494089"/>
                  <a:ext cx="60722" cy="28311"/>
                </a:xfrm>
                <a:custGeom>
                  <a:avLst/>
                  <a:gdLst>
                    <a:gd name="connsiteX0" fmla="*/ 4780 w 60722"/>
                    <a:gd name="connsiteY0" fmla="*/ 213 h 28311"/>
                    <a:gd name="connsiteX1" fmla="*/ 213 w 60722"/>
                    <a:gd name="connsiteY1" fmla="*/ 2309 h 28311"/>
                    <a:gd name="connsiteX2" fmla="*/ 2306 w 60722"/>
                    <a:gd name="connsiteY2" fmla="*/ 6881 h 28311"/>
                    <a:gd name="connsiteX3" fmla="*/ 60723 w 60722"/>
                    <a:gd name="connsiteY3" fmla="*/ 28312 h 28311"/>
                    <a:gd name="connsiteX4" fmla="*/ 60247 w 60722"/>
                    <a:gd name="connsiteY4" fmla="*/ 20501 h 28311"/>
                    <a:gd name="connsiteX5" fmla="*/ 4780 w 60722"/>
                    <a:gd name="connsiteY5" fmla="*/ 213 h 283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0722" h="28311">
                      <a:moveTo>
                        <a:pt x="4780" y="213"/>
                      </a:moveTo>
                      <a:cubicBezTo>
                        <a:pt x="2972" y="-454"/>
                        <a:pt x="879" y="499"/>
                        <a:pt x="213" y="2309"/>
                      </a:cubicBezTo>
                      <a:cubicBezTo>
                        <a:pt x="-453" y="4118"/>
                        <a:pt x="498" y="6214"/>
                        <a:pt x="2306" y="6881"/>
                      </a:cubicBezTo>
                      <a:lnTo>
                        <a:pt x="60723" y="28312"/>
                      </a:lnTo>
                      <a:cubicBezTo>
                        <a:pt x="60627" y="25740"/>
                        <a:pt x="60437" y="23168"/>
                        <a:pt x="60247" y="20501"/>
                      </a:cubicBezTo>
                      <a:lnTo>
                        <a:pt x="4780" y="213"/>
                      </a:lnTo>
                      <a:close/>
                    </a:path>
                  </a:pathLst>
                </a:custGeom>
                <a:solidFill>
                  <a:srgbClr val="B3B3B3"/>
                </a:solidFill>
                <a:ln w="9492" cap="flat">
                  <a:noFill/>
                  <a:prstDash val="solid"/>
                  <a:miter/>
                </a:ln>
              </p:spPr>
              <p:txBody>
                <a:bodyPr rtlCol="0" anchor="ctr"/>
                <a:lstStyle/>
                <a:p>
                  <a:endParaRPr lang="en-US"/>
                </a:p>
              </p:txBody>
            </p:sp>
            <p:sp>
              <p:nvSpPr>
                <p:cNvPr id="88" name="Freeform 87">
                  <a:extLst>
                    <a:ext uri="{FF2B5EF4-FFF2-40B4-BE49-F238E27FC236}">
                      <a16:creationId xmlns:a16="http://schemas.microsoft.com/office/drawing/2014/main" id="{48036136-9CD8-7FD9-E7CD-94D5B3795078}"/>
                    </a:ext>
                  </a:extLst>
                </p:cNvPr>
                <p:cNvSpPr/>
                <p:nvPr/>
              </p:nvSpPr>
              <p:spPr>
                <a:xfrm>
                  <a:off x="3780243" y="3532855"/>
                  <a:ext cx="61483" cy="28121"/>
                </a:xfrm>
                <a:custGeom>
                  <a:avLst/>
                  <a:gdLst>
                    <a:gd name="connsiteX0" fmla="*/ 4780 w 61483"/>
                    <a:gd name="connsiteY0" fmla="*/ 213 h 28121"/>
                    <a:gd name="connsiteX1" fmla="*/ 213 w 61483"/>
                    <a:gd name="connsiteY1" fmla="*/ 2309 h 28121"/>
                    <a:gd name="connsiteX2" fmla="*/ 2306 w 61483"/>
                    <a:gd name="connsiteY2" fmla="*/ 6881 h 28121"/>
                    <a:gd name="connsiteX3" fmla="*/ 60342 w 61483"/>
                    <a:gd name="connsiteY3" fmla="*/ 28121 h 28121"/>
                    <a:gd name="connsiteX4" fmla="*/ 61484 w 61483"/>
                    <a:gd name="connsiteY4" fmla="*/ 20978 h 28121"/>
                    <a:gd name="connsiteX5" fmla="*/ 4780 w 61483"/>
                    <a:gd name="connsiteY5" fmla="*/ 213 h 2812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1483" h="28121">
                      <a:moveTo>
                        <a:pt x="4780" y="213"/>
                      </a:moveTo>
                      <a:cubicBezTo>
                        <a:pt x="2972" y="-454"/>
                        <a:pt x="879" y="499"/>
                        <a:pt x="213" y="2309"/>
                      </a:cubicBezTo>
                      <a:cubicBezTo>
                        <a:pt x="-453" y="4118"/>
                        <a:pt x="498" y="6214"/>
                        <a:pt x="2306" y="6881"/>
                      </a:cubicBezTo>
                      <a:lnTo>
                        <a:pt x="60342" y="28121"/>
                      </a:lnTo>
                      <a:cubicBezTo>
                        <a:pt x="60722" y="25740"/>
                        <a:pt x="61198" y="23359"/>
                        <a:pt x="61484" y="20978"/>
                      </a:cubicBezTo>
                      <a:lnTo>
                        <a:pt x="4780" y="213"/>
                      </a:lnTo>
                      <a:close/>
                    </a:path>
                  </a:pathLst>
                </a:custGeom>
                <a:solidFill>
                  <a:srgbClr val="B3B3B3"/>
                </a:solidFill>
                <a:ln w="9492" cap="flat">
                  <a:noFill/>
                  <a:prstDash val="solid"/>
                  <a:miter/>
                </a:ln>
              </p:spPr>
              <p:txBody>
                <a:bodyPr rtlCol="0" anchor="ctr"/>
                <a:lstStyle/>
                <a:p>
                  <a:endParaRPr lang="en-US"/>
                </a:p>
              </p:txBody>
            </p:sp>
            <p:sp>
              <p:nvSpPr>
                <p:cNvPr id="89" name="Freeform 88">
                  <a:extLst>
                    <a:ext uri="{FF2B5EF4-FFF2-40B4-BE49-F238E27FC236}">
                      <a16:creationId xmlns:a16="http://schemas.microsoft.com/office/drawing/2014/main" id="{23DB5E8C-F60D-E4D2-726D-8236F893F89E}"/>
                    </a:ext>
                  </a:extLst>
                </p:cNvPr>
                <p:cNvSpPr/>
                <p:nvPr/>
              </p:nvSpPr>
              <p:spPr>
                <a:xfrm>
                  <a:off x="4575204" y="4507417"/>
                  <a:ext cx="49722" cy="42540"/>
                </a:xfrm>
                <a:custGeom>
                  <a:avLst/>
                  <a:gdLst>
                    <a:gd name="connsiteX0" fmla="*/ 5863 w 49722"/>
                    <a:gd name="connsiteY0" fmla="*/ 821 h 42540"/>
                    <a:gd name="connsiteX1" fmla="*/ 820 w 49722"/>
                    <a:gd name="connsiteY1" fmla="*/ 1202 h 42540"/>
                    <a:gd name="connsiteX2" fmla="*/ 1201 w 49722"/>
                    <a:gd name="connsiteY2" fmla="*/ 6250 h 42540"/>
                    <a:gd name="connsiteX3" fmla="*/ 44109 w 49722"/>
                    <a:gd name="connsiteY3" fmla="*/ 42541 h 42540"/>
                    <a:gd name="connsiteX4" fmla="*/ 49723 w 49722"/>
                    <a:gd name="connsiteY4" fmla="*/ 37969 h 42540"/>
                    <a:gd name="connsiteX5" fmla="*/ 5767 w 49722"/>
                    <a:gd name="connsiteY5" fmla="*/ 821 h 425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9722" h="42540">
                      <a:moveTo>
                        <a:pt x="5863" y="821"/>
                      </a:moveTo>
                      <a:cubicBezTo>
                        <a:pt x="4340" y="-417"/>
                        <a:pt x="2152" y="-227"/>
                        <a:pt x="820" y="1202"/>
                      </a:cubicBezTo>
                      <a:cubicBezTo>
                        <a:pt x="-417" y="2726"/>
                        <a:pt x="-226" y="5012"/>
                        <a:pt x="1201" y="6250"/>
                      </a:cubicBezTo>
                      <a:lnTo>
                        <a:pt x="44109" y="42541"/>
                      </a:lnTo>
                      <a:cubicBezTo>
                        <a:pt x="46012" y="41017"/>
                        <a:pt x="47915" y="39493"/>
                        <a:pt x="49723" y="37969"/>
                      </a:cubicBezTo>
                      <a:lnTo>
                        <a:pt x="5767" y="821"/>
                      </a:lnTo>
                      <a:close/>
                    </a:path>
                  </a:pathLst>
                </a:custGeom>
                <a:solidFill>
                  <a:srgbClr val="B3B3B3"/>
                </a:solidFill>
                <a:ln w="9492" cap="flat">
                  <a:noFill/>
                  <a:prstDash val="solid"/>
                  <a:miter/>
                </a:ln>
              </p:spPr>
              <p:txBody>
                <a:bodyPr rtlCol="0" anchor="ctr"/>
                <a:lstStyle/>
                <a:p>
                  <a:endParaRPr lang="en-US"/>
                </a:p>
              </p:txBody>
            </p:sp>
            <p:sp>
              <p:nvSpPr>
                <p:cNvPr id="90" name="Freeform 89">
                  <a:extLst>
                    <a:ext uri="{FF2B5EF4-FFF2-40B4-BE49-F238E27FC236}">
                      <a16:creationId xmlns:a16="http://schemas.microsoft.com/office/drawing/2014/main" id="{F9D0AC0C-76E1-E873-9083-AC09F6315EA9}"/>
                    </a:ext>
                  </a:extLst>
                </p:cNvPr>
                <p:cNvSpPr/>
                <p:nvPr/>
              </p:nvSpPr>
              <p:spPr>
                <a:xfrm>
                  <a:off x="4646758" y="4469992"/>
                  <a:ext cx="29829" cy="26244"/>
                </a:xfrm>
                <a:custGeom>
                  <a:avLst/>
                  <a:gdLst>
                    <a:gd name="connsiteX0" fmla="*/ 5854 w 29829"/>
                    <a:gd name="connsiteY0" fmla="*/ 813 h 26244"/>
                    <a:gd name="connsiteX1" fmla="*/ 812 w 29829"/>
                    <a:gd name="connsiteY1" fmla="*/ 1289 h 26244"/>
                    <a:gd name="connsiteX2" fmla="*/ 1288 w 29829"/>
                    <a:gd name="connsiteY2" fmla="*/ 6337 h 26244"/>
                    <a:gd name="connsiteX3" fmla="*/ 25263 w 29829"/>
                    <a:gd name="connsiteY3" fmla="*/ 26245 h 26244"/>
                    <a:gd name="connsiteX4" fmla="*/ 29830 w 29829"/>
                    <a:gd name="connsiteY4" fmla="*/ 20720 h 26244"/>
                    <a:gd name="connsiteX5" fmla="*/ 5854 w 29829"/>
                    <a:gd name="connsiteY5" fmla="*/ 813 h 262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9829" h="26244">
                      <a:moveTo>
                        <a:pt x="5854" y="813"/>
                      </a:moveTo>
                      <a:cubicBezTo>
                        <a:pt x="4332" y="-425"/>
                        <a:pt x="2049" y="-235"/>
                        <a:pt x="812" y="1289"/>
                      </a:cubicBezTo>
                      <a:cubicBezTo>
                        <a:pt x="-425" y="2813"/>
                        <a:pt x="-235" y="5099"/>
                        <a:pt x="1288" y="6337"/>
                      </a:cubicBezTo>
                      <a:lnTo>
                        <a:pt x="25263" y="26245"/>
                      </a:lnTo>
                      <a:cubicBezTo>
                        <a:pt x="26785" y="24435"/>
                        <a:pt x="28308" y="22625"/>
                        <a:pt x="29830" y="20720"/>
                      </a:cubicBezTo>
                      <a:lnTo>
                        <a:pt x="5854" y="813"/>
                      </a:lnTo>
                      <a:close/>
                    </a:path>
                  </a:pathLst>
                </a:custGeom>
                <a:solidFill>
                  <a:srgbClr val="B3B3B3"/>
                </a:solidFill>
                <a:ln w="9492" cap="flat">
                  <a:noFill/>
                  <a:prstDash val="solid"/>
                  <a:miter/>
                </a:ln>
              </p:spPr>
              <p:txBody>
                <a:bodyPr rtlCol="0" anchor="ctr"/>
                <a:lstStyle/>
                <a:p>
                  <a:endParaRPr lang="en-US"/>
                </a:p>
              </p:txBody>
            </p:sp>
            <p:sp>
              <p:nvSpPr>
                <p:cNvPr id="91" name="Freeform 90">
                  <a:extLst>
                    <a:ext uri="{FF2B5EF4-FFF2-40B4-BE49-F238E27FC236}">
                      <a16:creationId xmlns:a16="http://schemas.microsoft.com/office/drawing/2014/main" id="{ADD64D8A-50F5-89DE-F975-1A0BCCC602A1}"/>
                    </a:ext>
                  </a:extLst>
                </p:cNvPr>
                <p:cNvSpPr/>
                <p:nvPr/>
              </p:nvSpPr>
              <p:spPr>
                <a:xfrm>
                  <a:off x="4624591" y="4500091"/>
                  <a:ext cx="27736" cy="24053"/>
                </a:xfrm>
                <a:custGeom>
                  <a:avLst/>
                  <a:gdLst>
                    <a:gd name="connsiteX0" fmla="*/ 5854 w 27736"/>
                    <a:gd name="connsiteY0" fmla="*/ 813 h 24053"/>
                    <a:gd name="connsiteX1" fmla="*/ 812 w 27736"/>
                    <a:gd name="connsiteY1" fmla="*/ 1289 h 24053"/>
                    <a:gd name="connsiteX2" fmla="*/ 1288 w 27736"/>
                    <a:gd name="connsiteY2" fmla="*/ 6337 h 24053"/>
                    <a:gd name="connsiteX3" fmla="*/ 22694 w 27736"/>
                    <a:gd name="connsiteY3" fmla="*/ 24054 h 24053"/>
                    <a:gd name="connsiteX4" fmla="*/ 27737 w 27736"/>
                    <a:gd name="connsiteY4" fmla="*/ 18910 h 24053"/>
                    <a:gd name="connsiteX5" fmla="*/ 5854 w 27736"/>
                    <a:gd name="connsiteY5" fmla="*/ 813 h 240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736" h="24053">
                      <a:moveTo>
                        <a:pt x="5854" y="813"/>
                      </a:moveTo>
                      <a:cubicBezTo>
                        <a:pt x="4332" y="-425"/>
                        <a:pt x="2049" y="-235"/>
                        <a:pt x="812" y="1289"/>
                      </a:cubicBezTo>
                      <a:cubicBezTo>
                        <a:pt x="-425" y="2813"/>
                        <a:pt x="-235" y="5099"/>
                        <a:pt x="1288" y="6337"/>
                      </a:cubicBezTo>
                      <a:lnTo>
                        <a:pt x="22694" y="24054"/>
                      </a:lnTo>
                      <a:cubicBezTo>
                        <a:pt x="24312" y="22339"/>
                        <a:pt x="26024" y="20720"/>
                        <a:pt x="27737" y="18910"/>
                      </a:cubicBezTo>
                      <a:lnTo>
                        <a:pt x="5854" y="813"/>
                      </a:lnTo>
                      <a:close/>
                    </a:path>
                  </a:pathLst>
                </a:custGeom>
                <a:solidFill>
                  <a:srgbClr val="B3B3B3"/>
                </a:solidFill>
                <a:ln w="9492" cap="flat">
                  <a:noFill/>
                  <a:prstDash val="solid"/>
                  <a:miter/>
                </a:ln>
              </p:spPr>
              <p:txBody>
                <a:bodyPr rtlCol="0" anchor="ctr"/>
                <a:lstStyle/>
                <a:p>
                  <a:endParaRPr lang="en-US"/>
                </a:p>
              </p:txBody>
            </p:sp>
            <p:sp>
              <p:nvSpPr>
                <p:cNvPr id="92" name="Freeform 91">
                  <a:extLst>
                    <a:ext uri="{FF2B5EF4-FFF2-40B4-BE49-F238E27FC236}">
                      <a16:creationId xmlns:a16="http://schemas.microsoft.com/office/drawing/2014/main" id="{A9E2D39A-0555-E9D9-17D1-91C8B57542F2}"/>
                    </a:ext>
                  </a:extLst>
                </p:cNvPr>
                <p:cNvSpPr/>
                <p:nvPr/>
              </p:nvSpPr>
              <p:spPr>
                <a:xfrm>
                  <a:off x="4673493" y="4443703"/>
                  <a:ext cx="25548" cy="22815"/>
                </a:xfrm>
                <a:custGeom>
                  <a:avLst/>
                  <a:gdLst>
                    <a:gd name="connsiteX0" fmla="*/ 5854 w 25548"/>
                    <a:gd name="connsiteY0" fmla="*/ 813 h 22815"/>
                    <a:gd name="connsiteX1" fmla="*/ 812 w 25548"/>
                    <a:gd name="connsiteY1" fmla="*/ 1289 h 22815"/>
                    <a:gd name="connsiteX2" fmla="*/ 1288 w 25548"/>
                    <a:gd name="connsiteY2" fmla="*/ 6337 h 22815"/>
                    <a:gd name="connsiteX3" fmla="*/ 21362 w 25548"/>
                    <a:gd name="connsiteY3" fmla="*/ 22816 h 22815"/>
                    <a:gd name="connsiteX4" fmla="*/ 25549 w 25548"/>
                    <a:gd name="connsiteY4" fmla="*/ 17005 h 22815"/>
                    <a:gd name="connsiteX5" fmla="*/ 5759 w 25548"/>
                    <a:gd name="connsiteY5" fmla="*/ 813 h 228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5548" h="22815">
                      <a:moveTo>
                        <a:pt x="5854" y="813"/>
                      </a:moveTo>
                      <a:cubicBezTo>
                        <a:pt x="4332" y="-425"/>
                        <a:pt x="2049" y="-235"/>
                        <a:pt x="812" y="1289"/>
                      </a:cubicBezTo>
                      <a:cubicBezTo>
                        <a:pt x="-425" y="2813"/>
                        <a:pt x="-235" y="5099"/>
                        <a:pt x="1288" y="6337"/>
                      </a:cubicBezTo>
                      <a:lnTo>
                        <a:pt x="21362" y="22816"/>
                      </a:lnTo>
                      <a:cubicBezTo>
                        <a:pt x="22789" y="20911"/>
                        <a:pt x="24217" y="19005"/>
                        <a:pt x="25549" y="17005"/>
                      </a:cubicBezTo>
                      <a:lnTo>
                        <a:pt x="5759" y="813"/>
                      </a:lnTo>
                      <a:close/>
                    </a:path>
                  </a:pathLst>
                </a:custGeom>
                <a:solidFill>
                  <a:srgbClr val="B3B3B3"/>
                </a:solidFill>
                <a:ln w="9492" cap="flat">
                  <a:noFill/>
                  <a:prstDash val="solid"/>
                  <a:miter/>
                </a:ln>
              </p:spPr>
              <p:txBody>
                <a:bodyPr rtlCol="0" anchor="ctr"/>
                <a:lstStyle/>
                <a:p>
                  <a:endParaRPr lang="en-US"/>
                </a:p>
              </p:txBody>
            </p:sp>
            <p:sp>
              <p:nvSpPr>
                <p:cNvPr id="93" name="Freeform 92">
                  <a:extLst>
                    <a:ext uri="{FF2B5EF4-FFF2-40B4-BE49-F238E27FC236}">
                      <a16:creationId xmlns:a16="http://schemas.microsoft.com/office/drawing/2014/main" id="{C9663752-88A2-8E89-1451-2FC119CD75DA}"/>
                    </a:ext>
                  </a:extLst>
                </p:cNvPr>
                <p:cNvSpPr/>
                <p:nvPr/>
              </p:nvSpPr>
              <p:spPr>
                <a:xfrm>
                  <a:off x="4705896" y="4421787"/>
                  <a:ext cx="14647" cy="14156"/>
                </a:xfrm>
                <a:custGeom>
                  <a:avLst/>
                  <a:gdLst>
                    <a:gd name="connsiteX0" fmla="*/ 5895 w 14647"/>
                    <a:gd name="connsiteY0" fmla="*/ 821 h 14156"/>
                    <a:gd name="connsiteX1" fmla="*/ 852 w 14647"/>
                    <a:gd name="connsiteY1" fmla="*/ 1202 h 14156"/>
                    <a:gd name="connsiteX2" fmla="*/ 1233 w 14647"/>
                    <a:gd name="connsiteY2" fmla="*/ 6250 h 14156"/>
                    <a:gd name="connsiteX3" fmla="*/ 10556 w 14647"/>
                    <a:gd name="connsiteY3" fmla="*/ 14156 h 14156"/>
                    <a:gd name="connsiteX4" fmla="*/ 14647 w 14647"/>
                    <a:gd name="connsiteY4" fmla="*/ 8251 h 14156"/>
                    <a:gd name="connsiteX5" fmla="*/ 5895 w 14647"/>
                    <a:gd name="connsiteY5" fmla="*/ 821 h 141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4647" h="14156">
                      <a:moveTo>
                        <a:pt x="5895" y="821"/>
                      </a:moveTo>
                      <a:cubicBezTo>
                        <a:pt x="4372" y="-417"/>
                        <a:pt x="2184" y="-227"/>
                        <a:pt x="852" y="1202"/>
                      </a:cubicBezTo>
                      <a:cubicBezTo>
                        <a:pt x="-385" y="2726"/>
                        <a:pt x="-290" y="4917"/>
                        <a:pt x="1233" y="6250"/>
                      </a:cubicBezTo>
                      <a:lnTo>
                        <a:pt x="10556" y="14156"/>
                      </a:lnTo>
                      <a:cubicBezTo>
                        <a:pt x="11888" y="12156"/>
                        <a:pt x="13316" y="10251"/>
                        <a:pt x="14647" y="8251"/>
                      </a:cubicBezTo>
                      <a:lnTo>
                        <a:pt x="5895" y="821"/>
                      </a:lnTo>
                      <a:close/>
                    </a:path>
                  </a:pathLst>
                </a:custGeom>
                <a:solidFill>
                  <a:srgbClr val="B3B3B3"/>
                </a:solidFill>
                <a:ln w="9492" cap="flat">
                  <a:noFill/>
                  <a:prstDash val="solid"/>
                  <a:miter/>
                </a:ln>
              </p:spPr>
              <p:txBody>
                <a:bodyPr rtlCol="0" anchor="ctr"/>
                <a:lstStyle/>
                <a:p>
                  <a:endParaRPr lang="en-US"/>
                </a:p>
              </p:txBody>
            </p:sp>
            <p:sp>
              <p:nvSpPr>
                <p:cNvPr id="94" name="Freeform 93">
                  <a:extLst>
                    <a:ext uri="{FF2B5EF4-FFF2-40B4-BE49-F238E27FC236}">
                      <a16:creationId xmlns:a16="http://schemas.microsoft.com/office/drawing/2014/main" id="{EF493637-A7E9-CE53-5B0E-2D7294A204A0}"/>
                    </a:ext>
                  </a:extLst>
                </p:cNvPr>
                <p:cNvSpPr/>
                <p:nvPr/>
              </p:nvSpPr>
              <p:spPr>
                <a:xfrm>
                  <a:off x="4557282" y="4392128"/>
                  <a:ext cx="31922" cy="29622"/>
                </a:xfrm>
                <a:custGeom>
                  <a:avLst/>
                  <a:gdLst>
                    <a:gd name="connsiteX0" fmla="*/ 26069 w 31922"/>
                    <a:gd name="connsiteY0" fmla="*/ 28765 h 29622"/>
                    <a:gd name="connsiteX1" fmla="*/ 28352 w 31922"/>
                    <a:gd name="connsiteY1" fmla="*/ 29623 h 29622"/>
                    <a:gd name="connsiteX2" fmla="*/ 31111 w 31922"/>
                    <a:gd name="connsiteY2" fmla="*/ 28289 h 29622"/>
                    <a:gd name="connsiteX3" fmla="*/ 30635 w 31922"/>
                    <a:gd name="connsiteY3" fmla="*/ 23241 h 29622"/>
                    <a:gd name="connsiteX4" fmla="*/ 2759 w 31922"/>
                    <a:gd name="connsiteY4" fmla="*/ 0 h 29622"/>
                    <a:gd name="connsiteX5" fmla="*/ 0 w 31922"/>
                    <a:gd name="connsiteY5" fmla="*/ 6953 h 29622"/>
                    <a:gd name="connsiteX6" fmla="*/ 26069 w 31922"/>
                    <a:gd name="connsiteY6" fmla="*/ 28670 h 296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1922" h="29622">
                      <a:moveTo>
                        <a:pt x="26069" y="28765"/>
                      </a:moveTo>
                      <a:cubicBezTo>
                        <a:pt x="26735" y="29337"/>
                        <a:pt x="27496" y="29623"/>
                        <a:pt x="28352" y="29623"/>
                      </a:cubicBezTo>
                      <a:cubicBezTo>
                        <a:pt x="29399" y="29623"/>
                        <a:pt x="30350" y="29146"/>
                        <a:pt x="31111" y="28289"/>
                      </a:cubicBezTo>
                      <a:cubicBezTo>
                        <a:pt x="32348" y="26765"/>
                        <a:pt x="32158" y="24479"/>
                        <a:pt x="30635" y="23241"/>
                      </a:cubicBezTo>
                      <a:lnTo>
                        <a:pt x="2759" y="0"/>
                      </a:lnTo>
                      <a:cubicBezTo>
                        <a:pt x="1808" y="2286"/>
                        <a:pt x="856" y="4667"/>
                        <a:pt x="0" y="6953"/>
                      </a:cubicBezTo>
                      <a:lnTo>
                        <a:pt x="26069" y="28670"/>
                      </a:lnTo>
                      <a:close/>
                    </a:path>
                  </a:pathLst>
                </a:custGeom>
                <a:solidFill>
                  <a:srgbClr val="B3B3B3"/>
                </a:solidFill>
                <a:ln w="9492" cap="flat">
                  <a:noFill/>
                  <a:prstDash val="solid"/>
                  <a:miter/>
                </a:ln>
              </p:spPr>
              <p:txBody>
                <a:bodyPr rtlCol="0" anchor="ctr"/>
                <a:lstStyle/>
                <a:p>
                  <a:endParaRPr lang="en-US"/>
                </a:p>
              </p:txBody>
            </p:sp>
            <p:sp>
              <p:nvSpPr>
                <p:cNvPr id="95" name="Freeform 94">
                  <a:extLst>
                    <a:ext uri="{FF2B5EF4-FFF2-40B4-BE49-F238E27FC236}">
                      <a16:creationId xmlns:a16="http://schemas.microsoft.com/office/drawing/2014/main" id="{5843B58E-67D1-9D76-4BEA-5354D46E1782}"/>
                    </a:ext>
                  </a:extLst>
                </p:cNvPr>
                <p:cNvSpPr/>
                <p:nvPr/>
              </p:nvSpPr>
              <p:spPr>
                <a:xfrm>
                  <a:off x="4547292" y="4431085"/>
                  <a:ext cx="15360" cy="17716"/>
                </a:xfrm>
                <a:custGeom>
                  <a:avLst/>
                  <a:gdLst>
                    <a:gd name="connsiteX0" fmla="*/ 9419 w 15360"/>
                    <a:gd name="connsiteY0" fmla="*/ 16764 h 17716"/>
                    <a:gd name="connsiteX1" fmla="*/ 11797 w 15360"/>
                    <a:gd name="connsiteY1" fmla="*/ 17717 h 17716"/>
                    <a:gd name="connsiteX2" fmla="*/ 14461 w 15360"/>
                    <a:gd name="connsiteY2" fmla="*/ 16478 h 17716"/>
                    <a:gd name="connsiteX3" fmla="*/ 14176 w 15360"/>
                    <a:gd name="connsiteY3" fmla="*/ 11430 h 17716"/>
                    <a:gd name="connsiteX4" fmla="*/ 1332 w 15360"/>
                    <a:gd name="connsiteY4" fmla="*/ 0 h 17716"/>
                    <a:gd name="connsiteX5" fmla="*/ 0 w 15360"/>
                    <a:gd name="connsiteY5" fmla="*/ 8382 h 17716"/>
                    <a:gd name="connsiteX6" fmla="*/ 9419 w 15360"/>
                    <a:gd name="connsiteY6" fmla="*/ 16859 h 177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5360" h="17716">
                      <a:moveTo>
                        <a:pt x="9419" y="16764"/>
                      </a:moveTo>
                      <a:cubicBezTo>
                        <a:pt x="10085" y="17335"/>
                        <a:pt x="10941" y="17717"/>
                        <a:pt x="11797" y="17717"/>
                      </a:cubicBezTo>
                      <a:cubicBezTo>
                        <a:pt x="12749" y="17717"/>
                        <a:pt x="13795" y="17335"/>
                        <a:pt x="14461" y="16478"/>
                      </a:cubicBezTo>
                      <a:cubicBezTo>
                        <a:pt x="15793" y="15050"/>
                        <a:pt x="15603" y="12764"/>
                        <a:pt x="14176" y="11430"/>
                      </a:cubicBezTo>
                      <a:lnTo>
                        <a:pt x="1332" y="0"/>
                      </a:lnTo>
                      <a:cubicBezTo>
                        <a:pt x="856" y="2762"/>
                        <a:pt x="380" y="5525"/>
                        <a:pt x="0" y="8382"/>
                      </a:cubicBezTo>
                      <a:lnTo>
                        <a:pt x="9419" y="16859"/>
                      </a:lnTo>
                      <a:close/>
                    </a:path>
                  </a:pathLst>
                </a:custGeom>
                <a:solidFill>
                  <a:srgbClr val="B3B3B3"/>
                </a:solidFill>
                <a:ln w="9492" cap="flat">
                  <a:noFill/>
                  <a:prstDash val="solid"/>
                  <a:miter/>
                </a:ln>
              </p:spPr>
              <p:txBody>
                <a:bodyPr rtlCol="0" anchor="ctr"/>
                <a:lstStyle/>
                <a:p>
                  <a:endParaRPr lang="en-US"/>
                </a:p>
              </p:txBody>
            </p:sp>
            <p:sp>
              <p:nvSpPr>
                <p:cNvPr id="96" name="Freeform 95">
                  <a:extLst>
                    <a:ext uri="{FF2B5EF4-FFF2-40B4-BE49-F238E27FC236}">
                      <a16:creationId xmlns:a16="http://schemas.microsoft.com/office/drawing/2014/main" id="{5181BF69-D7C3-B9EF-8142-62E5D097C7B9}"/>
                    </a:ext>
                  </a:extLst>
                </p:cNvPr>
                <p:cNvSpPr/>
                <p:nvPr/>
              </p:nvSpPr>
              <p:spPr>
                <a:xfrm>
                  <a:off x="4574407" y="4359076"/>
                  <a:ext cx="44616" cy="40100"/>
                </a:xfrm>
                <a:custGeom>
                  <a:avLst/>
                  <a:gdLst>
                    <a:gd name="connsiteX0" fmla="*/ 38818 w 44616"/>
                    <a:gd name="connsiteY0" fmla="*/ 39243 h 40100"/>
                    <a:gd name="connsiteX1" fmla="*/ 41101 w 44616"/>
                    <a:gd name="connsiteY1" fmla="*/ 40100 h 40100"/>
                    <a:gd name="connsiteX2" fmla="*/ 43765 w 44616"/>
                    <a:gd name="connsiteY2" fmla="*/ 38862 h 40100"/>
                    <a:gd name="connsiteX3" fmla="*/ 43384 w 44616"/>
                    <a:gd name="connsiteY3" fmla="*/ 33814 h 40100"/>
                    <a:gd name="connsiteX4" fmla="*/ 4091 w 44616"/>
                    <a:gd name="connsiteY4" fmla="*/ 0 h 40100"/>
                    <a:gd name="connsiteX5" fmla="*/ 0 w 44616"/>
                    <a:gd name="connsiteY5" fmla="*/ 5906 h 40100"/>
                    <a:gd name="connsiteX6" fmla="*/ 38722 w 44616"/>
                    <a:gd name="connsiteY6" fmla="*/ 39148 h 401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616" h="40100">
                      <a:moveTo>
                        <a:pt x="38818" y="39243"/>
                      </a:moveTo>
                      <a:cubicBezTo>
                        <a:pt x="39484" y="39815"/>
                        <a:pt x="40340" y="40100"/>
                        <a:pt x="41101" y="40100"/>
                      </a:cubicBezTo>
                      <a:cubicBezTo>
                        <a:pt x="42147" y="40100"/>
                        <a:pt x="43099" y="39719"/>
                        <a:pt x="43765" y="38862"/>
                      </a:cubicBezTo>
                      <a:cubicBezTo>
                        <a:pt x="45002" y="37338"/>
                        <a:pt x="44907" y="35147"/>
                        <a:pt x="43384" y="33814"/>
                      </a:cubicBezTo>
                      <a:lnTo>
                        <a:pt x="4091" y="0"/>
                      </a:lnTo>
                      <a:cubicBezTo>
                        <a:pt x="2664" y="2000"/>
                        <a:pt x="1332" y="3905"/>
                        <a:pt x="0" y="5906"/>
                      </a:cubicBezTo>
                      <a:lnTo>
                        <a:pt x="38722" y="39148"/>
                      </a:lnTo>
                      <a:close/>
                    </a:path>
                  </a:pathLst>
                </a:custGeom>
                <a:solidFill>
                  <a:srgbClr val="B3B3B3"/>
                </a:solidFill>
                <a:ln w="9492" cap="flat">
                  <a:noFill/>
                  <a:prstDash val="solid"/>
                  <a:miter/>
                </a:ln>
              </p:spPr>
              <p:txBody>
                <a:bodyPr rtlCol="0" anchor="ctr"/>
                <a:lstStyle/>
                <a:p>
                  <a:endParaRPr lang="en-US"/>
                </a:p>
              </p:txBody>
            </p:sp>
            <p:sp>
              <p:nvSpPr>
                <p:cNvPr id="97" name="Freeform 96">
                  <a:extLst>
                    <a:ext uri="{FF2B5EF4-FFF2-40B4-BE49-F238E27FC236}">
                      <a16:creationId xmlns:a16="http://schemas.microsoft.com/office/drawing/2014/main" id="{F7FC186A-096A-EC22-B0F8-F7C9510F6AAA}"/>
                    </a:ext>
                  </a:extLst>
                </p:cNvPr>
                <p:cNvSpPr/>
                <p:nvPr/>
              </p:nvSpPr>
              <p:spPr>
                <a:xfrm>
                  <a:off x="4598478" y="4330978"/>
                  <a:ext cx="63327" cy="54578"/>
                </a:xfrm>
                <a:custGeom>
                  <a:avLst/>
                  <a:gdLst>
                    <a:gd name="connsiteX0" fmla="*/ 0 w 63327"/>
                    <a:gd name="connsiteY0" fmla="*/ 4953 h 54578"/>
                    <a:gd name="connsiteX1" fmla="*/ 0 w 63327"/>
                    <a:gd name="connsiteY1" fmla="*/ 4953 h 54578"/>
                    <a:gd name="connsiteX2" fmla="*/ 57465 w 63327"/>
                    <a:gd name="connsiteY2" fmla="*/ 53721 h 54578"/>
                    <a:gd name="connsiteX3" fmla="*/ 59748 w 63327"/>
                    <a:gd name="connsiteY3" fmla="*/ 54578 h 54578"/>
                    <a:gd name="connsiteX4" fmla="*/ 62508 w 63327"/>
                    <a:gd name="connsiteY4" fmla="*/ 53340 h 54578"/>
                    <a:gd name="connsiteX5" fmla="*/ 62127 w 63327"/>
                    <a:gd name="connsiteY5" fmla="*/ 48292 h 54578"/>
                    <a:gd name="connsiteX6" fmla="*/ 5233 w 63327"/>
                    <a:gd name="connsiteY6" fmla="*/ 0 h 54578"/>
                    <a:gd name="connsiteX7" fmla="*/ 0 w 63327"/>
                    <a:gd name="connsiteY7" fmla="*/ 4953 h 545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327" h="54578">
                      <a:moveTo>
                        <a:pt x="0" y="4953"/>
                      </a:moveTo>
                      <a:cubicBezTo>
                        <a:pt x="0" y="4953"/>
                        <a:pt x="0" y="4953"/>
                        <a:pt x="0" y="4953"/>
                      </a:cubicBezTo>
                      <a:lnTo>
                        <a:pt x="57465" y="53721"/>
                      </a:lnTo>
                      <a:cubicBezTo>
                        <a:pt x="58131" y="54292"/>
                        <a:pt x="58987" y="54578"/>
                        <a:pt x="59748" y="54578"/>
                      </a:cubicBezTo>
                      <a:cubicBezTo>
                        <a:pt x="60795" y="54578"/>
                        <a:pt x="61746" y="54197"/>
                        <a:pt x="62508" y="53340"/>
                      </a:cubicBezTo>
                      <a:cubicBezTo>
                        <a:pt x="63745" y="51816"/>
                        <a:pt x="63554" y="49625"/>
                        <a:pt x="62127" y="48292"/>
                      </a:cubicBezTo>
                      <a:lnTo>
                        <a:pt x="5233" y="0"/>
                      </a:lnTo>
                      <a:cubicBezTo>
                        <a:pt x="3425" y="1619"/>
                        <a:pt x="1713" y="3238"/>
                        <a:pt x="0" y="4953"/>
                      </a:cubicBezTo>
                      <a:close/>
                    </a:path>
                  </a:pathLst>
                </a:custGeom>
                <a:solidFill>
                  <a:srgbClr val="B3B3B3"/>
                </a:solidFill>
                <a:ln w="9492" cap="flat">
                  <a:noFill/>
                  <a:prstDash val="solid"/>
                  <a:miter/>
                </a:ln>
              </p:spPr>
              <p:txBody>
                <a:bodyPr rtlCol="0" anchor="ctr"/>
                <a:lstStyle/>
                <a:p>
                  <a:endParaRPr lang="en-US"/>
                </a:p>
              </p:txBody>
            </p:sp>
          </p:grpSp>
          <p:sp>
            <p:nvSpPr>
              <p:cNvPr id="27" name="Freeform 26">
                <a:extLst>
                  <a:ext uri="{FF2B5EF4-FFF2-40B4-BE49-F238E27FC236}">
                    <a16:creationId xmlns:a16="http://schemas.microsoft.com/office/drawing/2014/main" id="{3A15B0A5-1FB6-357B-696C-284F2C3957D4}"/>
                  </a:ext>
                </a:extLst>
              </p:cNvPr>
              <p:cNvSpPr/>
              <p:nvPr/>
            </p:nvSpPr>
            <p:spPr>
              <a:xfrm>
                <a:off x="4600000" y="4598630"/>
                <a:ext cx="189901" cy="219551"/>
              </a:xfrm>
              <a:custGeom>
                <a:avLst/>
                <a:gdLst>
                  <a:gd name="connsiteX0" fmla="*/ 189901 w 189901"/>
                  <a:gd name="connsiteY0" fmla="*/ 219551 h 219551"/>
                  <a:gd name="connsiteX1" fmla="*/ 34251 w 189901"/>
                  <a:gd name="connsiteY1" fmla="*/ 0 h 219551"/>
                  <a:gd name="connsiteX2" fmla="*/ 0 w 189901"/>
                  <a:gd name="connsiteY2" fmla="*/ 31147 h 219551"/>
                  <a:gd name="connsiteX3" fmla="*/ 189806 w 189901"/>
                  <a:gd name="connsiteY3" fmla="*/ 219551 h 219551"/>
                </a:gdLst>
                <a:ahLst/>
                <a:cxnLst>
                  <a:cxn ang="0">
                    <a:pos x="connsiteX0" y="connsiteY0"/>
                  </a:cxn>
                  <a:cxn ang="0">
                    <a:pos x="connsiteX1" y="connsiteY1"/>
                  </a:cxn>
                  <a:cxn ang="0">
                    <a:pos x="connsiteX2" y="connsiteY2"/>
                  </a:cxn>
                  <a:cxn ang="0">
                    <a:pos x="connsiteX3" y="connsiteY3"/>
                  </a:cxn>
                </a:cxnLst>
                <a:rect l="l" t="t" r="r" b="b"/>
                <a:pathLst>
                  <a:path w="189901" h="219551">
                    <a:moveTo>
                      <a:pt x="189901" y="219551"/>
                    </a:moveTo>
                    <a:cubicBezTo>
                      <a:pt x="186096" y="112967"/>
                      <a:pt x="132056" y="31528"/>
                      <a:pt x="34251" y="0"/>
                    </a:cubicBezTo>
                    <a:cubicBezTo>
                      <a:pt x="23690" y="10573"/>
                      <a:pt x="12368" y="20860"/>
                      <a:pt x="0" y="31147"/>
                    </a:cubicBezTo>
                    <a:cubicBezTo>
                      <a:pt x="20170" y="130207"/>
                      <a:pt x="84200" y="204025"/>
                      <a:pt x="189806" y="219551"/>
                    </a:cubicBezTo>
                    <a:close/>
                  </a:path>
                </a:pathLst>
              </a:custGeom>
              <a:noFill/>
              <a:ln w="9492" cap="flat">
                <a:noFill/>
                <a:prstDash val="solid"/>
                <a:miter/>
              </a:ln>
            </p:spPr>
            <p:txBody>
              <a:bodyPr rtlCol="0" anchor="ctr"/>
              <a:lstStyle/>
              <a:p>
                <a:endParaRPr lang="en-US"/>
              </a:p>
            </p:txBody>
          </p:sp>
          <p:sp>
            <p:nvSpPr>
              <p:cNvPr id="28" name="Freeform 27">
                <a:extLst>
                  <a:ext uri="{FF2B5EF4-FFF2-40B4-BE49-F238E27FC236}">
                    <a16:creationId xmlns:a16="http://schemas.microsoft.com/office/drawing/2014/main" id="{6E3F9AD5-E42F-E6FE-82AE-B89C6AEB8385}"/>
                  </a:ext>
                </a:extLst>
              </p:cNvPr>
              <p:cNvSpPr/>
              <p:nvPr/>
            </p:nvSpPr>
            <p:spPr>
              <a:xfrm>
                <a:off x="3981394" y="4104933"/>
                <a:ext cx="253074" cy="139691"/>
              </a:xfrm>
              <a:custGeom>
                <a:avLst/>
                <a:gdLst>
                  <a:gd name="connsiteX0" fmla="*/ 0 w 253074"/>
                  <a:gd name="connsiteY0" fmla="*/ 11637 h 139691"/>
                  <a:gd name="connsiteX1" fmla="*/ 253075 w 253074"/>
                  <a:gd name="connsiteY1" fmla="*/ 132986 h 139691"/>
                  <a:gd name="connsiteX2" fmla="*/ 211213 w 253074"/>
                  <a:gd name="connsiteY2" fmla="*/ 55357 h 139691"/>
                  <a:gd name="connsiteX3" fmla="*/ 0 w 253074"/>
                  <a:gd name="connsiteY3" fmla="*/ 11637 h 139691"/>
                </a:gdLst>
                <a:ahLst/>
                <a:cxnLst>
                  <a:cxn ang="0">
                    <a:pos x="connsiteX0" y="connsiteY0"/>
                  </a:cxn>
                  <a:cxn ang="0">
                    <a:pos x="connsiteX1" y="connsiteY1"/>
                  </a:cxn>
                  <a:cxn ang="0">
                    <a:pos x="connsiteX2" y="connsiteY2"/>
                  </a:cxn>
                  <a:cxn ang="0">
                    <a:pos x="connsiteX3" y="connsiteY3"/>
                  </a:cxn>
                </a:cxnLst>
                <a:rect l="l" t="t" r="r" b="b"/>
                <a:pathLst>
                  <a:path w="253074" h="139691">
                    <a:moveTo>
                      <a:pt x="0" y="11637"/>
                    </a:moveTo>
                    <a:cubicBezTo>
                      <a:pt x="52898" y="110126"/>
                      <a:pt x="144043" y="158418"/>
                      <a:pt x="253075" y="132986"/>
                    </a:cubicBezTo>
                    <a:cubicBezTo>
                      <a:pt x="237852" y="106697"/>
                      <a:pt x="223581" y="81170"/>
                      <a:pt x="211213" y="55357"/>
                    </a:cubicBezTo>
                    <a:cubicBezTo>
                      <a:pt x="154033" y="5160"/>
                      <a:pt x="80775" y="-14652"/>
                      <a:pt x="0" y="11637"/>
                    </a:cubicBezTo>
                    <a:close/>
                  </a:path>
                </a:pathLst>
              </a:custGeom>
              <a:noFill/>
              <a:ln w="9492" cap="flat">
                <a:noFill/>
                <a:prstDash val="solid"/>
                <a:miter/>
              </a:ln>
            </p:spPr>
            <p:txBody>
              <a:bodyPr rtlCol="0" anchor="ctr"/>
              <a:lstStyle/>
              <a:p>
                <a:endParaRPr lang="en-US"/>
              </a:p>
            </p:txBody>
          </p:sp>
          <p:grpSp>
            <p:nvGrpSpPr>
              <p:cNvPr id="29" name="Graphic 12">
                <a:extLst>
                  <a:ext uri="{FF2B5EF4-FFF2-40B4-BE49-F238E27FC236}">
                    <a16:creationId xmlns:a16="http://schemas.microsoft.com/office/drawing/2014/main" id="{C85CBA57-69C2-42E6-D7DD-25ED38E76E0B}"/>
                  </a:ext>
                </a:extLst>
              </p:cNvPr>
              <p:cNvGrpSpPr/>
              <p:nvPr/>
            </p:nvGrpSpPr>
            <p:grpSpPr>
              <a:xfrm>
                <a:off x="3947429" y="3850482"/>
                <a:ext cx="405966" cy="402621"/>
                <a:chOff x="3947429" y="3850482"/>
                <a:chExt cx="405966" cy="402621"/>
              </a:xfrm>
              <a:solidFill>
                <a:srgbClr val="A42036"/>
              </a:solidFill>
            </p:grpSpPr>
            <p:sp>
              <p:nvSpPr>
                <p:cNvPr id="47" name="Freeform 46">
                  <a:extLst>
                    <a:ext uri="{FF2B5EF4-FFF2-40B4-BE49-F238E27FC236}">
                      <a16:creationId xmlns:a16="http://schemas.microsoft.com/office/drawing/2014/main" id="{EF667F19-63BA-ABE8-5E48-8A330FCD5016}"/>
                    </a:ext>
                  </a:extLst>
                </p:cNvPr>
                <p:cNvSpPr/>
                <p:nvPr/>
              </p:nvSpPr>
              <p:spPr>
                <a:xfrm>
                  <a:off x="4233145" y="3850482"/>
                  <a:ext cx="120250" cy="153312"/>
                </a:xfrm>
                <a:custGeom>
                  <a:avLst/>
                  <a:gdLst>
                    <a:gd name="connsiteX0" fmla="*/ 108453 w 120250"/>
                    <a:gd name="connsiteY0" fmla="*/ 1865 h 153312"/>
                    <a:gd name="connsiteX1" fmla="*/ 106645 w 120250"/>
                    <a:gd name="connsiteY1" fmla="*/ 8247 h 153312"/>
                    <a:gd name="connsiteX2" fmla="*/ 92374 w 120250"/>
                    <a:gd name="connsiteY2" fmla="*/ 436 h 153312"/>
                    <a:gd name="connsiteX3" fmla="*/ 87522 w 120250"/>
                    <a:gd name="connsiteY3" fmla="*/ 1865 h 153312"/>
                    <a:gd name="connsiteX4" fmla="*/ 88949 w 120250"/>
                    <a:gd name="connsiteY4" fmla="*/ 6723 h 153312"/>
                    <a:gd name="connsiteX5" fmla="*/ 104457 w 120250"/>
                    <a:gd name="connsiteY5" fmla="*/ 15200 h 153312"/>
                    <a:gd name="connsiteX6" fmla="*/ 93991 w 120250"/>
                    <a:gd name="connsiteY6" fmla="*/ 42822 h 153312"/>
                    <a:gd name="connsiteX7" fmla="*/ 76581 w 120250"/>
                    <a:gd name="connsiteY7" fmla="*/ 33488 h 153312"/>
                    <a:gd name="connsiteX8" fmla="*/ 71728 w 120250"/>
                    <a:gd name="connsiteY8" fmla="*/ 34917 h 153312"/>
                    <a:gd name="connsiteX9" fmla="*/ 73155 w 120250"/>
                    <a:gd name="connsiteY9" fmla="*/ 39774 h 153312"/>
                    <a:gd name="connsiteX10" fmla="*/ 90947 w 120250"/>
                    <a:gd name="connsiteY10" fmla="*/ 49299 h 153312"/>
                    <a:gd name="connsiteX11" fmla="*/ 77151 w 120250"/>
                    <a:gd name="connsiteY11" fmla="*/ 75779 h 153312"/>
                    <a:gd name="connsiteX12" fmla="*/ 56601 w 120250"/>
                    <a:gd name="connsiteY12" fmla="*/ 65016 h 153312"/>
                    <a:gd name="connsiteX13" fmla="*/ 51749 w 120250"/>
                    <a:gd name="connsiteY13" fmla="*/ 66540 h 153312"/>
                    <a:gd name="connsiteX14" fmla="*/ 53271 w 120250"/>
                    <a:gd name="connsiteY14" fmla="*/ 71397 h 153312"/>
                    <a:gd name="connsiteX15" fmla="*/ 73441 w 120250"/>
                    <a:gd name="connsiteY15" fmla="*/ 81970 h 153312"/>
                    <a:gd name="connsiteX16" fmla="*/ 56220 w 120250"/>
                    <a:gd name="connsiteY16" fmla="*/ 107211 h 153312"/>
                    <a:gd name="connsiteX17" fmla="*/ 32340 w 120250"/>
                    <a:gd name="connsiteY17" fmla="*/ 94829 h 153312"/>
                    <a:gd name="connsiteX18" fmla="*/ 27488 w 120250"/>
                    <a:gd name="connsiteY18" fmla="*/ 96353 h 153312"/>
                    <a:gd name="connsiteX19" fmla="*/ 29010 w 120250"/>
                    <a:gd name="connsiteY19" fmla="*/ 101211 h 153312"/>
                    <a:gd name="connsiteX20" fmla="*/ 51749 w 120250"/>
                    <a:gd name="connsiteY20" fmla="*/ 113022 h 153312"/>
                    <a:gd name="connsiteX21" fmla="*/ 30152 w 120250"/>
                    <a:gd name="connsiteY21" fmla="*/ 136167 h 153312"/>
                    <a:gd name="connsiteX22" fmla="*/ 5130 w 120250"/>
                    <a:gd name="connsiteY22" fmla="*/ 123309 h 153312"/>
                    <a:gd name="connsiteX23" fmla="*/ 373 w 120250"/>
                    <a:gd name="connsiteY23" fmla="*/ 124833 h 153312"/>
                    <a:gd name="connsiteX24" fmla="*/ 1895 w 120250"/>
                    <a:gd name="connsiteY24" fmla="*/ 129595 h 153312"/>
                    <a:gd name="connsiteX25" fmla="*/ 24253 w 120250"/>
                    <a:gd name="connsiteY25" fmla="*/ 141120 h 153312"/>
                    <a:gd name="connsiteX26" fmla="*/ 13597 w 120250"/>
                    <a:gd name="connsiteY26" fmla="*/ 149026 h 153312"/>
                    <a:gd name="connsiteX27" fmla="*/ 18925 w 120250"/>
                    <a:gd name="connsiteY27" fmla="*/ 153312 h 153312"/>
                    <a:gd name="connsiteX28" fmla="*/ 120250 w 120250"/>
                    <a:gd name="connsiteY28" fmla="*/ 11390 h 153312"/>
                    <a:gd name="connsiteX29" fmla="*/ 108167 w 120250"/>
                    <a:gd name="connsiteY29" fmla="*/ 1865 h 15331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20250" h="153312">
                      <a:moveTo>
                        <a:pt x="108453" y="1865"/>
                      </a:moveTo>
                      <a:cubicBezTo>
                        <a:pt x="107977" y="3960"/>
                        <a:pt x="107311" y="6056"/>
                        <a:pt x="106645" y="8247"/>
                      </a:cubicBezTo>
                      <a:lnTo>
                        <a:pt x="92374" y="436"/>
                      </a:lnTo>
                      <a:cubicBezTo>
                        <a:pt x="90661" y="-516"/>
                        <a:pt x="88473" y="150"/>
                        <a:pt x="87522" y="1865"/>
                      </a:cubicBezTo>
                      <a:cubicBezTo>
                        <a:pt x="86570" y="3579"/>
                        <a:pt x="87236" y="5770"/>
                        <a:pt x="88949" y="6723"/>
                      </a:cubicBezTo>
                      <a:lnTo>
                        <a:pt x="104457" y="15200"/>
                      </a:lnTo>
                      <a:cubicBezTo>
                        <a:pt x="101602" y="24153"/>
                        <a:pt x="98082" y="33393"/>
                        <a:pt x="93991" y="42822"/>
                      </a:cubicBezTo>
                      <a:lnTo>
                        <a:pt x="76581" y="33488"/>
                      </a:lnTo>
                      <a:cubicBezTo>
                        <a:pt x="74868" y="32535"/>
                        <a:pt x="72680" y="33202"/>
                        <a:pt x="71728" y="34917"/>
                      </a:cubicBezTo>
                      <a:cubicBezTo>
                        <a:pt x="70777" y="36631"/>
                        <a:pt x="71443" y="38822"/>
                        <a:pt x="73155" y="39774"/>
                      </a:cubicBezTo>
                      <a:lnTo>
                        <a:pt x="90947" y="49299"/>
                      </a:lnTo>
                      <a:cubicBezTo>
                        <a:pt x="86856" y="58158"/>
                        <a:pt x="82194" y="67111"/>
                        <a:pt x="77151" y="75779"/>
                      </a:cubicBezTo>
                      <a:lnTo>
                        <a:pt x="56601" y="65016"/>
                      </a:lnTo>
                      <a:cubicBezTo>
                        <a:pt x="54888" y="64063"/>
                        <a:pt x="52700" y="64825"/>
                        <a:pt x="51749" y="66540"/>
                      </a:cubicBezTo>
                      <a:cubicBezTo>
                        <a:pt x="50797" y="68254"/>
                        <a:pt x="51463" y="70445"/>
                        <a:pt x="53271" y="71397"/>
                      </a:cubicBezTo>
                      <a:lnTo>
                        <a:pt x="73441" y="81970"/>
                      </a:lnTo>
                      <a:cubicBezTo>
                        <a:pt x="68113" y="90733"/>
                        <a:pt x="62309" y="99210"/>
                        <a:pt x="56220" y="107211"/>
                      </a:cubicBezTo>
                      <a:lnTo>
                        <a:pt x="32340" y="94829"/>
                      </a:lnTo>
                      <a:cubicBezTo>
                        <a:pt x="30532" y="93876"/>
                        <a:pt x="28439" y="94638"/>
                        <a:pt x="27488" y="96353"/>
                      </a:cubicBezTo>
                      <a:cubicBezTo>
                        <a:pt x="26536" y="98067"/>
                        <a:pt x="27297" y="100258"/>
                        <a:pt x="29010" y="101211"/>
                      </a:cubicBezTo>
                      <a:lnTo>
                        <a:pt x="51749" y="113022"/>
                      </a:lnTo>
                      <a:cubicBezTo>
                        <a:pt x="44899" y="121594"/>
                        <a:pt x="37668" y="129405"/>
                        <a:pt x="30152" y="136167"/>
                      </a:cubicBezTo>
                      <a:lnTo>
                        <a:pt x="5130" y="123309"/>
                      </a:lnTo>
                      <a:cubicBezTo>
                        <a:pt x="3417" y="122356"/>
                        <a:pt x="1229" y="123118"/>
                        <a:pt x="373" y="124833"/>
                      </a:cubicBezTo>
                      <a:cubicBezTo>
                        <a:pt x="-484" y="126547"/>
                        <a:pt x="182" y="128738"/>
                        <a:pt x="1895" y="129595"/>
                      </a:cubicBezTo>
                      <a:lnTo>
                        <a:pt x="24253" y="141120"/>
                      </a:lnTo>
                      <a:cubicBezTo>
                        <a:pt x="20733" y="143978"/>
                        <a:pt x="17213" y="146645"/>
                        <a:pt x="13597" y="149026"/>
                      </a:cubicBezTo>
                      <a:lnTo>
                        <a:pt x="18925" y="153312"/>
                      </a:lnTo>
                      <a:cubicBezTo>
                        <a:pt x="65830" y="125214"/>
                        <a:pt x="104837" y="63206"/>
                        <a:pt x="120250" y="11390"/>
                      </a:cubicBezTo>
                      <a:lnTo>
                        <a:pt x="108167" y="1865"/>
                      </a:lnTo>
                      <a:close/>
                    </a:path>
                  </a:pathLst>
                </a:custGeom>
                <a:solidFill>
                  <a:srgbClr val="A42036"/>
                </a:solidFill>
                <a:ln w="9492" cap="flat">
                  <a:noFill/>
                  <a:prstDash val="solid"/>
                  <a:miter/>
                </a:ln>
              </p:spPr>
              <p:txBody>
                <a:bodyPr rtlCol="0" anchor="ctr"/>
                <a:lstStyle/>
                <a:p>
                  <a:endParaRPr lang="en-US"/>
                </a:p>
              </p:txBody>
            </p:sp>
            <p:sp>
              <p:nvSpPr>
                <p:cNvPr id="48" name="Freeform 47">
                  <a:extLst>
                    <a:ext uri="{FF2B5EF4-FFF2-40B4-BE49-F238E27FC236}">
                      <a16:creationId xmlns:a16="http://schemas.microsoft.com/office/drawing/2014/main" id="{2781A2B9-3598-2862-D99B-FA815D7C9391}"/>
                    </a:ext>
                  </a:extLst>
                </p:cNvPr>
                <p:cNvSpPr/>
                <p:nvPr/>
              </p:nvSpPr>
              <p:spPr>
                <a:xfrm>
                  <a:off x="3947429" y="4085690"/>
                  <a:ext cx="289228" cy="167413"/>
                </a:xfrm>
                <a:custGeom>
                  <a:avLst/>
                  <a:gdLst>
                    <a:gd name="connsiteX0" fmla="*/ 33965 w 289228"/>
                    <a:gd name="connsiteY0" fmla="*/ 30880 h 167413"/>
                    <a:gd name="connsiteX1" fmla="*/ 245178 w 289228"/>
                    <a:gd name="connsiteY1" fmla="*/ 74599 h 167413"/>
                    <a:gd name="connsiteX2" fmla="*/ 235283 w 289228"/>
                    <a:gd name="connsiteY2" fmla="*/ 52597 h 167413"/>
                    <a:gd name="connsiteX3" fmla="*/ 15032 w 289228"/>
                    <a:gd name="connsiteY3" fmla="*/ 12211 h 167413"/>
                    <a:gd name="connsiteX4" fmla="*/ 0 w 289228"/>
                    <a:gd name="connsiteY4" fmla="*/ 16402 h 167413"/>
                    <a:gd name="connsiteX5" fmla="*/ 6850 w 289228"/>
                    <a:gd name="connsiteY5" fmla="*/ 29165 h 167413"/>
                    <a:gd name="connsiteX6" fmla="*/ 289228 w 289228"/>
                    <a:gd name="connsiteY6" fmla="*/ 155848 h 167413"/>
                    <a:gd name="connsiteX7" fmla="*/ 287040 w 289228"/>
                    <a:gd name="connsiteY7" fmla="*/ 152133 h 167413"/>
                    <a:gd name="connsiteX8" fmla="*/ 33965 w 289228"/>
                    <a:gd name="connsiteY8" fmla="*/ 30784 h 1674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89228" h="167413">
                      <a:moveTo>
                        <a:pt x="33965" y="30880"/>
                      </a:moveTo>
                      <a:cubicBezTo>
                        <a:pt x="114740" y="4591"/>
                        <a:pt x="187998" y="24403"/>
                        <a:pt x="245178" y="74599"/>
                      </a:cubicBezTo>
                      <a:cubicBezTo>
                        <a:pt x="241658" y="67265"/>
                        <a:pt x="238423" y="59931"/>
                        <a:pt x="235283" y="52597"/>
                      </a:cubicBezTo>
                      <a:cubicBezTo>
                        <a:pt x="174393" y="1066"/>
                        <a:pt x="92287" y="-13031"/>
                        <a:pt x="15032" y="12211"/>
                      </a:cubicBezTo>
                      <a:lnTo>
                        <a:pt x="0" y="16402"/>
                      </a:lnTo>
                      <a:cubicBezTo>
                        <a:pt x="0" y="16402"/>
                        <a:pt x="6850" y="29165"/>
                        <a:pt x="6850" y="29165"/>
                      </a:cubicBezTo>
                      <a:cubicBezTo>
                        <a:pt x="63459" y="135464"/>
                        <a:pt x="175059" y="193662"/>
                        <a:pt x="289228" y="155848"/>
                      </a:cubicBezTo>
                      <a:cubicBezTo>
                        <a:pt x="288562" y="154609"/>
                        <a:pt x="287801" y="153371"/>
                        <a:pt x="287040" y="152133"/>
                      </a:cubicBezTo>
                      <a:cubicBezTo>
                        <a:pt x="178009" y="177565"/>
                        <a:pt x="86864" y="129368"/>
                        <a:pt x="33965" y="30784"/>
                      </a:cubicBezTo>
                      <a:close/>
                    </a:path>
                  </a:pathLst>
                </a:custGeom>
                <a:solidFill>
                  <a:srgbClr val="A42036"/>
                </a:solidFill>
                <a:ln w="9492" cap="flat">
                  <a:noFill/>
                  <a:prstDash val="solid"/>
                  <a:miter/>
                </a:ln>
              </p:spPr>
              <p:txBody>
                <a:bodyPr rtlCol="0" anchor="ctr"/>
                <a:lstStyle/>
                <a:p>
                  <a:endParaRPr lang="en-US"/>
                </a:p>
              </p:txBody>
            </p:sp>
          </p:grpSp>
          <p:grpSp>
            <p:nvGrpSpPr>
              <p:cNvPr id="30" name="Graphic 12">
                <a:extLst>
                  <a:ext uri="{FF2B5EF4-FFF2-40B4-BE49-F238E27FC236}">
                    <a16:creationId xmlns:a16="http://schemas.microsoft.com/office/drawing/2014/main" id="{25E20D0D-001A-1613-DDA1-9CDB9CFA4EA7}"/>
                  </a:ext>
                </a:extLst>
              </p:cNvPr>
              <p:cNvGrpSpPr/>
              <p:nvPr/>
            </p:nvGrpSpPr>
            <p:grpSpPr>
              <a:xfrm>
                <a:off x="4570265" y="4390926"/>
                <a:ext cx="244372" cy="456116"/>
                <a:chOff x="4570265" y="4390926"/>
                <a:chExt cx="244372" cy="456116"/>
              </a:xfrm>
              <a:solidFill>
                <a:srgbClr val="EE9E4B"/>
              </a:solidFill>
            </p:grpSpPr>
            <p:sp>
              <p:nvSpPr>
                <p:cNvPr id="45" name="Freeform 44">
                  <a:extLst>
                    <a:ext uri="{FF2B5EF4-FFF2-40B4-BE49-F238E27FC236}">
                      <a16:creationId xmlns:a16="http://schemas.microsoft.com/office/drawing/2014/main" id="{160C44FA-A852-3145-FBC3-22A129E98B0E}"/>
                    </a:ext>
                  </a:extLst>
                </p:cNvPr>
                <p:cNvSpPr/>
                <p:nvPr/>
              </p:nvSpPr>
              <p:spPr>
                <a:xfrm>
                  <a:off x="4570265" y="4390926"/>
                  <a:ext cx="142000" cy="108453"/>
                </a:xfrm>
                <a:custGeom>
                  <a:avLst/>
                  <a:gdLst>
                    <a:gd name="connsiteX0" fmla="*/ 140479 w 142000"/>
                    <a:gd name="connsiteY0" fmla="*/ 12918 h 108453"/>
                    <a:gd name="connsiteX1" fmla="*/ 124780 w 142000"/>
                    <a:gd name="connsiteY1" fmla="*/ 18061 h 108453"/>
                    <a:gd name="connsiteX2" fmla="*/ 123829 w 142000"/>
                    <a:gd name="connsiteY2" fmla="*/ 16728 h 108453"/>
                    <a:gd name="connsiteX3" fmla="*/ 105181 w 142000"/>
                    <a:gd name="connsiteY3" fmla="*/ 821 h 108453"/>
                    <a:gd name="connsiteX4" fmla="*/ 100139 w 142000"/>
                    <a:gd name="connsiteY4" fmla="*/ 1202 h 108453"/>
                    <a:gd name="connsiteX5" fmla="*/ 100519 w 142000"/>
                    <a:gd name="connsiteY5" fmla="*/ 6250 h 108453"/>
                    <a:gd name="connsiteX6" fmla="*/ 117835 w 142000"/>
                    <a:gd name="connsiteY6" fmla="*/ 21014 h 108453"/>
                    <a:gd name="connsiteX7" fmla="*/ 89293 w 142000"/>
                    <a:gd name="connsiteY7" fmla="*/ 36921 h 108453"/>
                    <a:gd name="connsiteX8" fmla="*/ 62749 w 142000"/>
                    <a:gd name="connsiteY8" fmla="*/ 14347 h 108453"/>
                    <a:gd name="connsiteX9" fmla="*/ 57706 w 142000"/>
                    <a:gd name="connsiteY9" fmla="*/ 14728 h 108453"/>
                    <a:gd name="connsiteX10" fmla="*/ 58087 w 142000"/>
                    <a:gd name="connsiteY10" fmla="*/ 19776 h 108453"/>
                    <a:gd name="connsiteX11" fmla="*/ 83109 w 142000"/>
                    <a:gd name="connsiteY11" fmla="*/ 41112 h 108453"/>
                    <a:gd name="connsiteX12" fmla="*/ 59894 w 142000"/>
                    <a:gd name="connsiteY12" fmla="*/ 60352 h 108453"/>
                    <a:gd name="connsiteX13" fmla="*/ 32399 w 142000"/>
                    <a:gd name="connsiteY13" fmla="*/ 37207 h 108453"/>
                    <a:gd name="connsiteX14" fmla="*/ 27356 w 142000"/>
                    <a:gd name="connsiteY14" fmla="*/ 37683 h 108453"/>
                    <a:gd name="connsiteX15" fmla="*/ 27832 w 142000"/>
                    <a:gd name="connsiteY15" fmla="*/ 42731 h 108453"/>
                    <a:gd name="connsiteX16" fmla="*/ 54757 w 142000"/>
                    <a:gd name="connsiteY16" fmla="*/ 65401 h 108453"/>
                    <a:gd name="connsiteX17" fmla="*/ 35063 w 142000"/>
                    <a:gd name="connsiteY17" fmla="*/ 88070 h 108453"/>
                    <a:gd name="connsiteX18" fmla="*/ 5854 w 142000"/>
                    <a:gd name="connsiteY18" fmla="*/ 63591 h 108453"/>
                    <a:gd name="connsiteX19" fmla="*/ 812 w 142000"/>
                    <a:gd name="connsiteY19" fmla="*/ 64067 h 108453"/>
                    <a:gd name="connsiteX20" fmla="*/ 1288 w 142000"/>
                    <a:gd name="connsiteY20" fmla="*/ 69115 h 108453"/>
                    <a:gd name="connsiteX21" fmla="*/ 30876 w 142000"/>
                    <a:gd name="connsiteY21" fmla="*/ 93880 h 108453"/>
                    <a:gd name="connsiteX22" fmla="*/ 27451 w 142000"/>
                    <a:gd name="connsiteY22" fmla="*/ 99024 h 108453"/>
                    <a:gd name="connsiteX23" fmla="*/ 40771 w 142000"/>
                    <a:gd name="connsiteY23" fmla="*/ 108454 h 108453"/>
                    <a:gd name="connsiteX24" fmla="*/ 142001 w 142000"/>
                    <a:gd name="connsiteY24" fmla="*/ 18442 h 108453"/>
                    <a:gd name="connsiteX25" fmla="*/ 140384 w 142000"/>
                    <a:gd name="connsiteY25" fmla="*/ 13013 h 1084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42000" h="108453">
                      <a:moveTo>
                        <a:pt x="140479" y="12918"/>
                      </a:moveTo>
                      <a:cubicBezTo>
                        <a:pt x="135246" y="14251"/>
                        <a:pt x="130013" y="16061"/>
                        <a:pt x="124780" y="18061"/>
                      </a:cubicBezTo>
                      <a:cubicBezTo>
                        <a:pt x="124590" y="17585"/>
                        <a:pt x="124305" y="17109"/>
                        <a:pt x="123829" y="16728"/>
                      </a:cubicBezTo>
                      <a:lnTo>
                        <a:pt x="105181" y="821"/>
                      </a:lnTo>
                      <a:cubicBezTo>
                        <a:pt x="103659" y="-417"/>
                        <a:pt x="101471" y="-227"/>
                        <a:pt x="100139" y="1202"/>
                      </a:cubicBezTo>
                      <a:cubicBezTo>
                        <a:pt x="98902" y="2726"/>
                        <a:pt x="98997" y="4917"/>
                        <a:pt x="100519" y="6250"/>
                      </a:cubicBezTo>
                      <a:lnTo>
                        <a:pt x="117835" y="21014"/>
                      </a:lnTo>
                      <a:cubicBezTo>
                        <a:pt x="108036" y="25396"/>
                        <a:pt x="98521" y="30730"/>
                        <a:pt x="89293" y="36921"/>
                      </a:cubicBezTo>
                      <a:lnTo>
                        <a:pt x="62749" y="14347"/>
                      </a:lnTo>
                      <a:cubicBezTo>
                        <a:pt x="61226" y="13108"/>
                        <a:pt x="59038" y="13299"/>
                        <a:pt x="57706" y="14728"/>
                      </a:cubicBezTo>
                      <a:cubicBezTo>
                        <a:pt x="56469" y="16252"/>
                        <a:pt x="56564" y="18442"/>
                        <a:pt x="58087" y="19776"/>
                      </a:cubicBezTo>
                      <a:lnTo>
                        <a:pt x="83109" y="41112"/>
                      </a:lnTo>
                      <a:cubicBezTo>
                        <a:pt x="74927" y="47017"/>
                        <a:pt x="67125" y="53494"/>
                        <a:pt x="59894" y="60352"/>
                      </a:cubicBezTo>
                      <a:lnTo>
                        <a:pt x="32399" y="37207"/>
                      </a:lnTo>
                      <a:cubicBezTo>
                        <a:pt x="30876" y="35968"/>
                        <a:pt x="28688" y="36159"/>
                        <a:pt x="27356" y="37683"/>
                      </a:cubicBezTo>
                      <a:cubicBezTo>
                        <a:pt x="26119" y="39207"/>
                        <a:pt x="26310" y="41493"/>
                        <a:pt x="27832" y="42731"/>
                      </a:cubicBezTo>
                      <a:lnTo>
                        <a:pt x="54757" y="65401"/>
                      </a:lnTo>
                      <a:cubicBezTo>
                        <a:pt x="47526" y="72640"/>
                        <a:pt x="40961" y="80260"/>
                        <a:pt x="35063" y="88070"/>
                      </a:cubicBezTo>
                      <a:lnTo>
                        <a:pt x="5854" y="63591"/>
                      </a:lnTo>
                      <a:cubicBezTo>
                        <a:pt x="4332" y="62353"/>
                        <a:pt x="2144" y="62543"/>
                        <a:pt x="812" y="64067"/>
                      </a:cubicBezTo>
                      <a:cubicBezTo>
                        <a:pt x="-425" y="65591"/>
                        <a:pt x="-235" y="67877"/>
                        <a:pt x="1288" y="69115"/>
                      </a:cubicBezTo>
                      <a:lnTo>
                        <a:pt x="30876" y="93880"/>
                      </a:lnTo>
                      <a:cubicBezTo>
                        <a:pt x="29735" y="95595"/>
                        <a:pt x="28498" y="97309"/>
                        <a:pt x="27451" y="99024"/>
                      </a:cubicBezTo>
                      <a:lnTo>
                        <a:pt x="40771" y="108454"/>
                      </a:lnTo>
                      <a:cubicBezTo>
                        <a:pt x="62558" y="71306"/>
                        <a:pt x="100519" y="31301"/>
                        <a:pt x="142001" y="18442"/>
                      </a:cubicBezTo>
                      <a:lnTo>
                        <a:pt x="140384" y="13013"/>
                      </a:lnTo>
                      <a:close/>
                    </a:path>
                  </a:pathLst>
                </a:custGeom>
                <a:solidFill>
                  <a:srgbClr val="EE9E4B"/>
                </a:solidFill>
                <a:ln w="9492" cap="flat">
                  <a:noFill/>
                  <a:prstDash val="solid"/>
                  <a:miter/>
                </a:ln>
              </p:spPr>
              <p:txBody>
                <a:bodyPr rtlCol="0" anchor="ctr"/>
                <a:lstStyle/>
                <a:p>
                  <a:endParaRPr lang="en-US"/>
                </a:p>
              </p:txBody>
            </p:sp>
            <p:sp>
              <p:nvSpPr>
                <p:cNvPr id="46" name="Freeform 45">
                  <a:extLst>
                    <a:ext uri="{FF2B5EF4-FFF2-40B4-BE49-F238E27FC236}">
                      <a16:creationId xmlns:a16="http://schemas.microsoft.com/office/drawing/2014/main" id="{1E3E94B0-9D60-C991-5BC9-E23119DABBEE}"/>
                    </a:ext>
                  </a:extLst>
                </p:cNvPr>
                <p:cNvSpPr/>
                <p:nvPr/>
              </p:nvSpPr>
              <p:spPr>
                <a:xfrm>
                  <a:off x="4594767" y="4593582"/>
                  <a:ext cx="219870" cy="253460"/>
                </a:xfrm>
                <a:custGeom>
                  <a:avLst/>
                  <a:gdLst>
                    <a:gd name="connsiteX0" fmla="*/ 195134 w 219870"/>
                    <a:gd name="connsiteY0" fmla="*/ 224600 h 253460"/>
                    <a:gd name="connsiteX1" fmla="*/ 5328 w 219870"/>
                    <a:gd name="connsiteY1" fmla="*/ 36195 h 253460"/>
                    <a:gd name="connsiteX2" fmla="*/ 0 w 219870"/>
                    <a:gd name="connsiteY2" fmla="*/ 40576 h 253460"/>
                    <a:gd name="connsiteX3" fmla="*/ 9419 w 219870"/>
                    <a:gd name="connsiteY3" fmla="*/ 82105 h 253460"/>
                    <a:gd name="connsiteX4" fmla="*/ 203031 w 219870"/>
                    <a:gd name="connsiteY4" fmla="*/ 250793 h 253460"/>
                    <a:gd name="connsiteX5" fmla="*/ 219871 w 219870"/>
                    <a:gd name="connsiteY5" fmla="*/ 253460 h 253460"/>
                    <a:gd name="connsiteX6" fmla="*/ 219395 w 219870"/>
                    <a:gd name="connsiteY6" fmla="*/ 238601 h 253460"/>
                    <a:gd name="connsiteX7" fmla="*/ 44621 w 219870"/>
                    <a:gd name="connsiteY7" fmla="*/ 0 h 253460"/>
                    <a:gd name="connsiteX8" fmla="*/ 39579 w 219870"/>
                    <a:gd name="connsiteY8" fmla="*/ 5048 h 253460"/>
                    <a:gd name="connsiteX9" fmla="*/ 195229 w 219870"/>
                    <a:gd name="connsiteY9" fmla="*/ 224600 h 2534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19870" h="253460">
                      <a:moveTo>
                        <a:pt x="195134" y="224600"/>
                      </a:moveTo>
                      <a:cubicBezTo>
                        <a:pt x="89433" y="209074"/>
                        <a:pt x="25498" y="135255"/>
                        <a:pt x="5328" y="36195"/>
                      </a:cubicBezTo>
                      <a:cubicBezTo>
                        <a:pt x="3615" y="37624"/>
                        <a:pt x="1808" y="39052"/>
                        <a:pt x="0" y="40576"/>
                      </a:cubicBezTo>
                      <a:cubicBezTo>
                        <a:pt x="2283" y="54674"/>
                        <a:pt x="5613" y="68675"/>
                        <a:pt x="9419" y="82105"/>
                      </a:cubicBezTo>
                      <a:cubicBezTo>
                        <a:pt x="34727" y="174308"/>
                        <a:pt x="109602" y="237363"/>
                        <a:pt x="203031" y="250793"/>
                      </a:cubicBezTo>
                      <a:lnTo>
                        <a:pt x="219871" y="253460"/>
                      </a:lnTo>
                      <a:cubicBezTo>
                        <a:pt x="219871" y="253460"/>
                        <a:pt x="219395" y="238601"/>
                        <a:pt x="219395" y="238601"/>
                      </a:cubicBezTo>
                      <a:cubicBezTo>
                        <a:pt x="215875" y="124873"/>
                        <a:pt x="150608" y="27527"/>
                        <a:pt x="44621" y="0"/>
                      </a:cubicBezTo>
                      <a:cubicBezTo>
                        <a:pt x="43004" y="1714"/>
                        <a:pt x="41291" y="3334"/>
                        <a:pt x="39579" y="5048"/>
                      </a:cubicBezTo>
                      <a:cubicBezTo>
                        <a:pt x="137383" y="36576"/>
                        <a:pt x="191424" y="118015"/>
                        <a:pt x="195229" y="224600"/>
                      </a:cubicBezTo>
                      <a:close/>
                    </a:path>
                  </a:pathLst>
                </a:custGeom>
                <a:solidFill>
                  <a:srgbClr val="EE9E4B"/>
                </a:solidFill>
                <a:ln w="9492" cap="flat">
                  <a:noFill/>
                  <a:prstDash val="solid"/>
                  <a:miter/>
                </a:ln>
              </p:spPr>
              <p:txBody>
                <a:bodyPr rtlCol="0" anchor="ctr"/>
                <a:lstStyle/>
                <a:p>
                  <a:endParaRPr lang="en-US"/>
                </a:p>
              </p:txBody>
            </p:sp>
          </p:grpSp>
          <p:sp>
            <p:nvSpPr>
              <p:cNvPr id="31" name="Freeform 30">
                <a:extLst>
                  <a:ext uri="{FF2B5EF4-FFF2-40B4-BE49-F238E27FC236}">
                    <a16:creationId xmlns:a16="http://schemas.microsoft.com/office/drawing/2014/main" id="{CD55A0B7-2E4E-35C3-723C-A21ECA902849}"/>
                  </a:ext>
                </a:extLst>
              </p:cNvPr>
              <p:cNvSpPr/>
              <p:nvPr/>
            </p:nvSpPr>
            <p:spPr>
              <a:xfrm>
                <a:off x="3926948" y="3537164"/>
                <a:ext cx="124517" cy="311848"/>
              </a:xfrm>
              <a:custGeom>
                <a:avLst/>
                <a:gdLst>
                  <a:gd name="connsiteX0" fmla="*/ 74711 w 124517"/>
                  <a:gd name="connsiteY0" fmla="*/ 0 h 311848"/>
                  <a:gd name="connsiteX1" fmla="*/ 43600 w 124517"/>
                  <a:gd name="connsiteY1" fmla="*/ 311849 h 311848"/>
                  <a:gd name="connsiteX2" fmla="*/ 89553 w 124517"/>
                  <a:gd name="connsiteY2" fmla="*/ 268415 h 311848"/>
                  <a:gd name="connsiteX3" fmla="*/ 74616 w 124517"/>
                  <a:gd name="connsiteY3" fmla="*/ 0 h 311848"/>
                </a:gdLst>
                <a:ahLst/>
                <a:cxnLst>
                  <a:cxn ang="0">
                    <a:pos x="connsiteX0" y="connsiteY0"/>
                  </a:cxn>
                  <a:cxn ang="0">
                    <a:pos x="connsiteX1" y="connsiteY1"/>
                  </a:cxn>
                  <a:cxn ang="0">
                    <a:pos x="connsiteX2" y="connsiteY2"/>
                  </a:cxn>
                  <a:cxn ang="0">
                    <a:pos x="connsiteX3" y="connsiteY3"/>
                  </a:cxn>
                </a:cxnLst>
                <a:rect l="l" t="t" r="r" b="b"/>
                <a:pathLst>
                  <a:path w="124517" h="311848">
                    <a:moveTo>
                      <a:pt x="74711" y="0"/>
                    </a:moveTo>
                    <a:cubicBezTo>
                      <a:pt x="-9774" y="91916"/>
                      <a:pt x="-26043" y="206312"/>
                      <a:pt x="43600" y="311849"/>
                    </a:cubicBezTo>
                    <a:cubicBezTo>
                      <a:pt x="57015" y="297561"/>
                      <a:pt x="72142" y="283178"/>
                      <a:pt x="89553" y="268415"/>
                    </a:cubicBezTo>
                    <a:cubicBezTo>
                      <a:pt x="137790" y="182023"/>
                      <a:pt x="139122" y="85249"/>
                      <a:pt x="74616" y="0"/>
                    </a:cubicBezTo>
                    <a:close/>
                  </a:path>
                </a:pathLst>
              </a:custGeom>
              <a:noFill/>
              <a:ln w="9492" cap="flat">
                <a:noFill/>
                <a:prstDash val="solid"/>
                <a:miter/>
              </a:ln>
            </p:spPr>
            <p:txBody>
              <a:bodyPr rtlCol="0" anchor="ctr"/>
              <a:lstStyle/>
              <a:p>
                <a:endParaRPr lang="en-US"/>
              </a:p>
            </p:txBody>
          </p:sp>
          <p:sp>
            <p:nvSpPr>
              <p:cNvPr id="32" name="Freeform 31">
                <a:extLst>
                  <a:ext uri="{FF2B5EF4-FFF2-40B4-BE49-F238E27FC236}">
                    <a16:creationId xmlns:a16="http://schemas.microsoft.com/office/drawing/2014/main" id="{25D9FCBD-618D-EB67-7191-ED32EF792A33}"/>
                  </a:ext>
                </a:extLst>
              </p:cNvPr>
              <p:cNvSpPr/>
              <p:nvPr/>
            </p:nvSpPr>
            <p:spPr>
              <a:xfrm>
                <a:off x="3324922" y="3913497"/>
                <a:ext cx="224342" cy="239268"/>
              </a:xfrm>
              <a:custGeom>
                <a:avLst/>
                <a:gdLst>
                  <a:gd name="connsiteX0" fmla="*/ 224342 w 224342"/>
                  <a:gd name="connsiteY0" fmla="*/ 0 h 239268"/>
                  <a:gd name="connsiteX1" fmla="*/ 0 w 224342"/>
                  <a:gd name="connsiteY1" fmla="*/ 229171 h 239268"/>
                  <a:gd name="connsiteX2" fmla="*/ 36344 w 224342"/>
                  <a:gd name="connsiteY2" fmla="*/ 239268 h 239268"/>
                  <a:gd name="connsiteX3" fmla="*/ 224342 w 224342"/>
                  <a:gd name="connsiteY3" fmla="*/ 0 h 239268"/>
                </a:gdLst>
                <a:ahLst/>
                <a:cxnLst>
                  <a:cxn ang="0">
                    <a:pos x="connsiteX0" y="connsiteY0"/>
                  </a:cxn>
                  <a:cxn ang="0">
                    <a:pos x="connsiteX1" y="connsiteY1"/>
                  </a:cxn>
                  <a:cxn ang="0">
                    <a:pos x="connsiteX2" y="connsiteY2"/>
                  </a:cxn>
                  <a:cxn ang="0">
                    <a:pos x="connsiteX3" y="connsiteY3"/>
                  </a:cxn>
                </a:cxnLst>
                <a:rect l="l" t="t" r="r" b="b"/>
                <a:pathLst>
                  <a:path w="224342" h="239268">
                    <a:moveTo>
                      <a:pt x="224342" y="0"/>
                    </a:moveTo>
                    <a:cubicBezTo>
                      <a:pt x="98376" y="20669"/>
                      <a:pt x="12654" y="101536"/>
                      <a:pt x="0" y="229171"/>
                    </a:cubicBezTo>
                    <a:cubicBezTo>
                      <a:pt x="12083" y="232315"/>
                      <a:pt x="24261" y="235648"/>
                      <a:pt x="36344" y="239268"/>
                    </a:cubicBezTo>
                    <a:cubicBezTo>
                      <a:pt x="146517" y="203930"/>
                      <a:pt x="222249" y="121729"/>
                      <a:pt x="224342" y="0"/>
                    </a:cubicBezTo>
                    <a:close/>
                  </a:path>
                </a:pathLst>
              </a:custGeom>
              <a:noFill/>
              <a:ln w="9492" cap="flat">
                <a:noFill/>
                <a:prstDash val="solid"/>
                <a:miter/>
              </a:ln>
            </p:spPr>
            <p:txBody>
              <a:bodyPr rtlCol="0" anchor="ctr"/>
              <a:lstStyle/>
              <a:p>
                <a:endParaRPr lang="en-US"/>
              </a:p>
            </p:txBody>
          </p:sp>
          <p:grpSp>
            <p:nvGrpSpPr>
              <p:cNvPr id="33" name="Graphic 12">
                <a:extLst>
                  <a:ext uri="{FF2B5EF4-FFF2-40B4-BE49-F238E27FC236}">
                    <a16:creationId xmlns:a16="http://schemas.microsoft.com/office/drawing/2014/main" id="{2B89372E-F947-8087-9226-3075AD63B99D}"/>
                  </a:ext>
                </a:extLst>
              </p:cNvPr>
              <p:cNvGrpSpPr/>
              <p:nvPr/>
            </p:nvGrpSpPr>
            <p:grpSpPr>
              <a:xfrm>
                <a:off x="3045035" y="3882160"/>
                <a:ext cx="532486" cy="274129"/>
                <a:chOff x="3045035" y="3882160"/>
                <a:chExt cx="532486" cy="274129"/>
              </a:xfrm>
              <a:solidFill>
                <a:srgbClr val="498DC1"/>
              </a:solidFill>
            </p:grpSpPr>
            <p:sp>
              <p:nvSpPr>
                <p:cNvPr id="43" name="Freeform 42">
                  <a:extLst>
                    <a:ext uri="{FF2B5EF4-FFF2-40B4-BE49-F238E27FC236}">
                      <a16:creationId xmlns:a16="http://schemas.microsoft.com/office/drawing/2014/main" id="{3AD71916-BD87-779E-9906-1356E592B53B}"/>
                    </a:ext>
                  </a:extLst>
                </p:cNvPr>
                <p:cNvSpPr/>
                <p:nvPr/>
              </p:nvSpPr>
              <p:spPr>
                <a:xfrm>
                  <a:off x="3045035" y="3889780"/>
                  <a:ext cx="124712" cy="102774"/>
                </a:xfrm>
                <a:custGeom>
                  <a:avLst/>
                  <a:gdLst>
                    <a:gd name="connsiteX0" fmla="*/ 124712 w 124712"/>
                    <a:gd name="connsiteY0" fmla="*/ 86582 h 102774"/>
                    <a:gd name="connsiteX1" fmla="*/ 42986 w 124712"/>
                    <a:gd name="connsiteY1" fmla="*/ 0 h 102774"/>
                    <a:gd name="connsiteX2" fmla="*/ 30523 w 124712"/>
                    <a:gd name="connsiteY2" fmla="*/ 7239 h 102774"/>
                    <a:gd name="connsiteX3" fmla="*/ 34899 w 124712"/>
                    <a:gd name="connsiteY3" fmla="*/ 14669 h 102774"/>
                    <a:gd name="connsiteX4" fmla="*/ 1790 w 124712"/>
                    <a:gd name="connsiteY4" fmla="*/ 33528 h 102774"/>
                    <a:gd name="connsiteX5" fmla="*/ 458 w 124712"/>
                    <a:gd name="connsiteY5" fmla="*/ 38386 h 102774"/>
                    <a:gd name="connsiteX6" fmla="*/ 3598 w 124712"/>
                    <a:gd name="connsiteY6" fmla="*/ 40196 h 102774"/>
                    <a:gd name="connsiteX7" fmla="*/ 5406 w 124712"/>
                    <a:gd name="connsiteY7" fmla="*/ 39719 h 102774"/>
                    <a:gd name="connsiteX8" fmla="*/ 38610 w 124712"/>
                    <a:gd name="connsiteY8" fmla="*/ 20765 h 102774"/>
                    <a:gd name="connsiteX9" fmla="*/ 57257 w 124712"/>
                    <a:gd name="connsiteY9" fmla="*/ 44768 h 102774"/>
                    <a:gd name="connsiteX10" fmla="*/ 18821 w 124712"/>
                    <a:gd name="connsiteY10" fmla="*/ 66294 h 102774"/>
                    <a:gd name="connsiteX11" fmla="*/ 17489 w 124712"/>
                    <a:gd name="connsiteY11" fmla="*/ 71152 h 102774"/>
                    <a:gd name="connsiteX12" fmla="*/ 20628 w 124712"/>
                    <a:gd name="connsiteY12" fmla="*/ 72962 h 102774"/>
                    <a:gd name="connsiteX13" fmla="*/ 22341 w 124712"/>
                    <a:gd name="connsiteY13" fmla="*/ 72485 h 102774"/>
                    <a:gd name="connsiteX14" fmla="*/ 62395 w 124712"/>
                    <a:gd name="connsiteY14" fmla="*/ 50006 h 102774"/>
                    <a:gd name="connsiteX15" fmla="*/ 86846 w 124712"/>
                    <a:gd name="connsiteY15" fmla="*/ 71247 h 102774"/>
                    <a:gd name="connsiteX16" fmla="*/ 42796 w 124712"/>
                    <a:gd name="connsiteY16" fmla="*/ 96107 h 102774"/>
                    <a:gd name="connsiteX17" fmla="*/ 41464 w 124712"/>
                    <a:gd name="connsiteY17" fmla="*/ 100965 h 102774"/>
                    <a:gd name="connsiteX18" fmla="*/ 44604 w 124712"/>
                    <a:gd name="connsiteY18" fmla="*/ 102775 h 102774"/>
                    <a:gd name="connsiteX19" fmla="*/ 46316 w 124712"/>
                    <a:gd name="connsiteY19" fmla="*/ 102299 h 102774"/>
                    <a:gd name="connsiteX20" fmla="*/ 93221 w 124712"/>
                    <a:gd name="connsiteY20" fmla="*/ 75819 h 102774"/>
                    <a:gd name="connsiteX21" fmla="*/ 122905 w 124712"/>
                    <a:gd name="connsiteY21" fmla="*/ 91059 h 102774"/>
                    <a:gd name="connsiteX22" fmla="*/ 124712 w 124712"/>
                    <a:gd name="connsiteY22" fmla="*/ 86487 h 1027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Lst>
                  <a:rect l="l" t="t" r="r" b="b"/>
                  <a:pathLst>
                    <a:path w="124712" h="102774">
                      <a:moveTo>
                        <a:pt x="124712" y="86582"/>
                      </a:moveTo>
                      <a:cubicBezTo>
                        <a:pt x="89320" y="72200"/>
                        <a:pt x="59160" y="34195"/>
                        <a:pt x="42986" y="0"/>
                      </a:cubicBezTo>
                      <a:lnTo>
                        <a:pt x="30523" y="7239"/>
                      </a:lnTo>
                      <a:cubicBezTo>
                        <a:pt x="31855" y="9716"/>
                        <a:pt x="33377" y="12192"/>
                        <a:pt x="34899" y="14669"/>
                      </a:cubicBezTo>
                      <a:lnTo>
                        <a:pt x="1790" y="33528"/>
                      </a:lnTo>
                      <a:cubicBezTo>
                        <a:pt x="78" y="34481"/>
                        <a:pt x="-493" y="36671"/>
                        <a:pt x="458" y="38386"/>
                      </a:cubicBezTo>
                      <a:cubicBezTo>
                        <a:pt x="1124" y="39529"/>
                        <a:pt x="2361" y="40196"/>
                        <a:pt x="3598" y="40196"/>
                      </a:cubicBezTo>
                      <a:cubicBezTo>
                        <a:pt x="4169" y="40196"/>
                        <a:pt x="4835" y="40005"/>
                        <a:pt x="5406" y="39719"/>
                      </a:cubicBezTo>
                      <a:lnTo>
                        <a:pt x="38610" y="20765"/>
                      </a:lnTo>
                      <a:cubicBezTo>
                        <a:pt x="44033" y="29051"/>
                        <a:pt x="50312" y="37148"/>
                        <a:pt x="57257" y="44768"/>
                      </a:cubicBezTo>
                      <a:lnTo>
                        <a:pt x="18821" y="66294"/>
                      </a:lnTo>
                      <a:cubicBezTo>
                        <a:pt x="17108" y="67247"/>
                        <a:pt x="16442" y="69437"/>
                        <a:pt x="17489" y="71152"/>
                      </a:cubicBezTo>
                      <a:cubicBezTo>
                        <a:pt x="18155" y="72295"/>
                        <a:pt x="19391" y="72962"/>
                        <a:pt x="20628" y="72962"/>
                      </a:cubicBezTo>
                      <a:cubicBezTo>
                        <a:pt x="21199" y="72962"/>
                        <a:pt x="21770" y="72771"/>
                        <a:pt x="22341" y="72485"/>
                      </a:cubicBezTo>
                      <a:lnTo>
                        <a:pt x="62395" y="50006"/>
                      </a:lnTo>
                      <a:cubicBezTo>
                        <a:pt x="70006" y="57722"/>
                        <a:pt x="78188" y="64865"/>
                        <a:pt x="86846" y="71247"/>
                      </a:cubicBezTo>
                      <a:lnTo>
                        <a:pt x="42796" y="96107"/>
                      </a:lnTo>
                      <a:cubicBezTo>
                        <a:pt x="41083" y="97060"/>
                        <a:pt x="40513" y="99251"/>
                        <a:pt x="41464" y="100965"/>
                      </a:cubicBezTo>
                      <a:cubicBezTo>
                        <a:pt x="42130" y="102108"/>
                        <a:pt x="43367" y="102775"/>
                        <a:pt x="44604" y="102775"/>
                      </a:cubicBezTo>
                      <a:cubicBezTo>
                        <a:pt x="45175" y="102775"/>
                        <a:pt x="45841" y="102584"/>
                        <a:pt x="46316" y="102299"/>
                      </a:cubicBezTo>
                      <a:lnTo>
                        <a:pt x="93221" y="75819"/>
                      </a:lnTo>
                      <a:cubicBezTo>
                        <a:pt x="102830" y="82201"/>
                        <a:pt x="112820" y="87440"/>
                        <a:pt x="122905" y="91059"/>
                      </a:cubicBezTo>
                      <a:lnTo>
                        <a:pt x="124712" y="86487"/>
                      </a:lnTo>
                      <a:close/>
                    </a:path>
                  </a:pathLst>
                </a:custGeom>
                <a:solidFill>
                  <a:srgbClr val="498DC1"/>
                </a:solidFill>
                <a:ln w="9492" cap="flat">
                  <a:noFill/>
                  <a:prstDash val="solid"/>
                  <a:miter/>
                </a:ln>
              </p:spPr>
              <p:txBody>
                <a:bodyPr rtlCol="0" anchor="ctr"/>
                <a:lstStyle/>
                <a:p>
                  <a:endParaRPr lang="en-US"/>
                </a:p>
              </p:txBody>
            </p:sp>
            <p:sp>
              <p:nvSpPr>
                <p:cNvPr id="44" name="Freeform 43">
                  <a:extLst>
                    <a:ext uri="{FF2B5EF4-FFF2-40B4-BE49-F238E27FC236}">
                      <a16:creationId xmlns:a16="http://schemas.microsoft.com/office/drawing/2014/main" id="{98D8CA5A-6535-A3F4-90C8-B71AEAE5ABA0}"/>
                    </a:ext>
                  </a:extLst>
                </p:cNvPr>
                <p:cNvSpPr/>
                <p:nvPr/>
              </p:nvSpPr>
              <p:spPr>
                <a:xfrm>
                  <a:off x="3320260" y="3882160"/>
                  <a:ext cx="257260" cy="274129"/>
                </a:xfrm>
                <a:custGeom>
                  <a:avLst/>
                  <a:gdLst>
                    <a:gd name="connsiteX0" fmla="*/ 229004 w 257260"/>
                    <a:gd name="connsiteY0" fmla="*/ 31337 h 274129"/>
                    <a:gd name="connsiteX1" fmla="*/ 41006 w 257260"/>
                    <a:gd name="connsiteY1" fmla="*/ 270605 h 274129"/>
                    <a:gd name="connsiteX2" fmla="*/ 52232 w 257260"/>
                    <a:gd name="connsiteY2" fmla="*/ 274130 h 274129"/>
                    <a:gd name="connsiteX3" fmla="*/ 97710 w 257260"/>
                    <a:gd name="connsiteY3" fmla="*/ 257556 h 274129"/>
                    <a:gd name="connsiteX4" fmla="*/ 256880 w 257260"/>
                    <a:gd name="connsiteY4" fmla="*/ 16002 h 274129"/>
                    <a:gd name="connsiteX5" fmla="*/ 257261 w 257260"/>
                    <a:gd name="connsiteY5" fmla="*/ 0 h 274129"/>
                    <a:gd name="connsiteX6" fmla="*/ 240897 w 257260"/>
                    <a:gd name="connsiteY6" fmla="*/ 2667 h 274129"/>
                    <a:gd name="connsiteX7" fmla="*/ 0 w 257260"/>
                    <a:gd name="connsiteY7" fmla="*/ 259271 h 274129"/>
                    <a:gd name="connsiteX8" fmla="*/ 4662 w 257260"/>
                    <a:gd name="connsiteY8" fmla="*/ 260509 h 274129"/>
                    <a:gd name="connsiteX9" fmla="*/ 229004 w 257260"/>
                    <a:gd name="connsiteY9" fmla="*/ 31337 h 2741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57260" h="274129">
                      <a:moveTo>
                        <a:pt x="229004" y="31337"/>
                      </a:moveTo>
                      <a:cubicBezTo>
                        <a:pt x="226911" y="153162"/>
                        <a:pt x="151179" y="235267"/>
                        <a:pt x="41006" y="270605"/>
                      </a:cubicBezTo>
                      <a:cubicBezTo>
                        <a:pt x="44716" y="271748"/>
                        <a:pt x="48522" y="272891"/>
                        <a:pt x="52232" y="274130"/>
                      </a:cubicBezTo>
                      <a:cubicBezTo>
                        <a:pt x="67835" y="269558"/>
                        <a:pt x="83058" y="263747"/>
                        <a:pt x="97710" y="257556"/>
                      </a:cubicBezTo>
                      <a:cubicBezTo>
                        <a:pt x="195990" y="216408"/>
                        <a:pt x="255263" y="121348"/>
                        <a:pt x="256880" y="16002"/>
                      </a:cubicBezTo>
                      <a:lnTo>
                        <a:pt x="257261" y="0"/>
                      </a:lnTo>
                      <a:cubicBezTo>
                        <a:pt x="257261" y="0"/>
                        <a:pt x="240897" y="2667"/>
                        <a:pt x="240897" y="2667"/>
                      </a:cubicBezTo>
                      <a:cubicBezTo>
                        <a:pt x="105892" y="24384"/>
                        <a:pt x="2188" y="122777"/>
                        <a:pt x="0" y="259271"/>
                      </a:cubicBezTo>
                      <a:cubicBezTo>
                        <a:pt x="1522" y="259652"/>
                        <a:pt x="3140" y="260128"/>
                        <a:pt x="4662" y="260509"/>
                      </a:cubicBezTo>
                      <a:cubicBezTo>
                        <a:pt x="17316" y="132874"/>
                        <a:pt x="103038" y="52006"/>
                        <a:pt x="229004" y="31337"/>
                      </a:cubicBezTo>
                      <a:close/>
                    </a:path>
                  </a:pathLst>
                </a:custGeom>
                <a:solidFill>
                  <a:srgbClr val="498DC1"/>
                </a:solidFill>
                <a:ln w="9492" cap="flat">
                  <a:noFill/>
                  <a:prstDash val="solid"/>
                  <a:miter/>
                </a:ln>
              </p:spPr>
              <p:txBody>
                <a:bodyPr rtlCol="0" anchor="ctr"/>
                <a:lstStyle/>
                <a:p>
                  <a:endParaRPr lang="en-US"/>
                </a:p>
              </p:txBody>
            </p:sp>
          </p:grpSp>
          <p:grpSp>
            <p:nvGrpSpPr>
              <p:cNvPr id="34" name="Graphic 12">
                <a:extLst>
                  <a:ext uri="{FF2B5EF4-FFF2-40B4-BE49-F238E27FC236}">
                    <a16:creationId xmlns:a16="http://schemas.microsoft.com/office/drawing/2014/main" id="{FAF09C2C-ADFA-562D-0A3D-7D7D68677118}"/>
                  </a:ext>
                </a:extLst>
              </p:cNvPr>
              <p:cNvGrpSpPr/>
              <p:nvPr/>
            </p:nvGrpSpPr>
            <p:grpSpPr>
              <a:xfrm>
                <a:off x="3693381" y="3457059"/>
                <a:ext cx="374192" cy="394906"/>
                <a:chOff x="3693381" y="3457059"/>
                <a:chExt cx="374192" cy="394906"/>
              </a:xfrm>
              <a:solidFill>
                <a:srgbClr val="C6583F"/>
              </a:solidFill>
            </p:grpSpPr>
            <p:sp>
              <p:nvSpPr>
                <p:cNvPr id="41" name="Freeform 40">
                  <a:extLst>
                    <a:ext uri="{FF2B5EF4-FFF2-40B4-BE49-F238E27FC236}">
                      <a16:creationId xmlns:a16="http://schemas.microsoft.com/office/drawing/2014/main" id="{A7A40B55-6E57-4588-C042-481BAAE5A39C}"/>
                    </a:ext>
                  </a:extLst>
                </p:cNvPr>
                <p:cNvSpPr/>
                <p:nvPr/>
              </p:nvSpPr>
              <p:spPr>
                <a:xfrm>
                  <a:off x="3693381" y="3457059"/>
                  <a:ext cx="76687" cy="158210"/>
                </a:xfrm>
                <a:custGeom>
                  <a:avLst/>
                  <a:gdLst>
                    <a:gd name="connsiteX0" fmla="*/ 72138 w 76687"/>
                    <a:gd name="connsiteY0" fmla="*/ 95 h 158210"/>
                    <a:gd name="connsiteX1" fmla="*/ 65954 w 76687"/>
                    <a:gd name="connsiteY1" fmla="*/ 1333 h 158210"/>
                    <a:gd name="connsiteX2" fmla="*/ 68428 w 76687"/>
                    <a:gd name="connsiteY2" fmla="*/ 27718 h 158210"/>
                    <a:gd name="connsiteX3" fmla="*/ 43311 w 76687"/>
                    <a:gd name="connsiteY3" fmla="*/ 18955 h 158210"/>
                    <a:gd name="connsiteX4" fmla="*/ 38744 w 76687"/>
                    <a:gd name="connsiteY4" fmla="*/ 21145 h 158210"/>
                    <a:gd name="connsiteX5" fmla="*/ 40932 w 76687"/>
                    <a:gd name="connsiteY5" fmla="*/ 25717 h 158210"/>
                    <a:gd name="connsiteX6" fmla="*/ 68142 w 76687"/>
                    <a:gd name="connsiteY6" fmla="*/ 35243 h 158210"/>
                    <a:gd name="connsiteX7" fmla="*/ 64242 w 76687"/>
                    <a:gd name="connsiteY7" fmla="*/ 65723 h 158210"/>
                    <a:gd name="connsiteX8" fmla="*/ 25519 w 76687"/>
                    <a:gd name="connsiteY8" fmla="*/ 51911 h 158210"/>
                    <a:gd name="connsiteX9" fmla="*/ 20953 w 76687"/>
                    <a:gd name="connsiteY9" fmla="*/ 54102 h 158210"/>
                    <a:gd name="connsiteX10" fmla="*/ 23141 w 76687"/>
                    <a:gd name="connsiteY10" fmla="*/ 58674 h 158210"/>
                    <a:gd name="connsiteX11" fmla="*/ 62719 w 76687"/>
                    <a:gd name="connsiteY11" fmla="*/ 72771 h 158210"/>
                    <a:gd name="connsiteX12" fmla="*/ 53776 w 76687"/>
                    <a:gd name="connsiteY12" fmla="*/ 102203 h 158210"/>
                    <a:gd name="connsiteX13" fmla="*/ 10677 w 76687"/>
                    <a:gd name="connsiteY13" fmla="*/ 86487 h 158210"/>
                    <a:gd name="connsiteX14" fmla="*/ 6111 w 76687"/>
                    <a:gd name="connsiteY14" fmla="*/ 88582 h 158210"/>
                    <a:gd name="connsiteX15" fmla="*/ 8204 w 76687"/>
                    <a:gd name="connsiteY15" fmla="*/ 93155 h 158210"/>
                    <a:gd name="connsiteX16" fmla="*/ 51207 w 76687"/>
                    <a:gd name="connsiteY16" fmla="*/ 108871 h 158210"/>
                    <a:gd name="connsiteX17" fmla="*/ 38363 w 76687"/>
                    <a:gd name="connsiteY17" fmla="*/ 136684 h 158210"/>
                    <a:gd name="connsiteX18" fmla="*/ 4779 w 76687"/>
                    <a:gd name="connsiteY18" fmla="*/ 124682 h 158210"/>
                    <a:gd name="connsiteX19" fmla="*/ 212 w 76687"/>
                    <a:gd name="connsiteY19" fmla="*/ 126873 h 158210"/>
                    <a:gd name="connsiteX20" fmla="*/ 2400 w 76687"/>
                    <a:gd name="connsiteY20" fmla="*/ 131445 h 158210"/>
                    <a:gd name="connsiteX21" fmla="*/ 34938 w 76687"/>
                    <a:gd name="connsiteY21" fmla="*/ 143066 h 158210"/>
                    <a:gd name="connsiteX22" fmla="*/ 30847 w 76687"/>
                    <a:gd name="connsiteY22" fmla="*/ 150019 h 158210"/>
                    <a:gd name="connsiteX23" fmla="*/ 47307 w 76687"/>
                    <a:gd name="connsiteY23" fmla="*/ 158210 h 158210"/>
                    <a:gd name="connsiteX24" fmla="*/ 72043 w 76687"/>
                    <a:gd name="connsiteY24" fmla="*/ 0 h 1582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76687" h="158210">
                      <a:moveTo>
                        <a:pt x="72138" y="95"/>
                      </a:moveTo>
                      <a:lnTo>
                        <a:pt x="65954" y="1333"/>
                      </a:lnTo>
                      <a:cubicBezTo>
                        <a:pt x="67667" y="9811"/>
                        <a:pt x="68333" y="18669"/>
                        <a:pt x="68428" y="27718"/>
                      </a:cubicBezTo>
                      <a:lnTo>
                        <a:pt x="43311" y="18955"/>
                      </a:lnTo>
                      <a:cubicBezTo>
                        <a:pt x="41408" y="18288"/>
                        <a:pt x="39410" y="19240"/>
                        <a:pt x="38744" y="21145"/>
                      </a:cubicBezTo>
                      <a:cubicBezTo>
                        <a:pt x="38078" y="23051"/>
                        <a:pt x="39029" y="25051"/>
                        <a:pt x="40932" y="25717"/>
                      </a:cubicBezTo>
                      <a:lnTo>
                        <a:pt x="68142" y="35243"/>
                      </a:lnTo>
                      <a:cubicBezTo>
                        <a:pt x="67667" y="45339"/>
                        <a:pt x="66335" y="55531"/>
                        <a:pt x="64242" y="65723"/>
                      </a:cubicBezTo>
                      <a:lnTo>
                        <a:pt x="25519" y="51911"/>
                      </a:lnTo>
                      <a:cubicBezTo>
                        <a:pt x="23712" y="51245"/>
                        <a:pt x="21619" y="52197"/>
                        <a:pt x="20953" y="54102"/>
                      </a:cubicBezTo>
                      <a:cubicBezTo>
                        <a:pt x="20287" y="56007"/>
                        <a:pt x="21238" y="58007"/>
                        <a:pt x="23141" y="58674"/>
                      </a:cubicBezTo>
                      <a:lnTo>
                        <a:pt x="62719" y="72771"/>
                      </a:lnTo>
                      <a:cubicBezTo>
                        <a:pt x="60341" y="82772"/>
                        <a:pt x="57296" y="92583"/>
                        <a:pt x="53776" y="102203"/>
                      </a:cubicBezTo>
                      <a:lnTo>
                        <a:pt x="10677" y="86487"/>
                      </a:lnTo>
                      <a:cubicBezTo>
                        <a:pt x="8870" y="85820"/>
                        <a:pt x="6777" y="86773"/>
                        <a:pt x="6111" y="88582"/>
                      </a:cubicBezTo>
                      <a:cubicBezTo>
                        <a:pt x="5445" y="90392"/>
                        <a:pt x="6396" y="92488"/>
                        <a:pt x="8204" y="93155"/>
                      </a:cubicBezTo>
                      <a:lnTo>
                        <a:pt x="51207" y="108871"/>
                      </a:lnTo>
                      <a:cubicBezTo>
                        <a:pt x="47307" y="118586"/>
                        <a:pt x="43025" y="127921"/>
                        <a:pt x="38363" y="136684"/>
                      </a:cubicBezTo>
                      <a:lnTo>
                        <a:pt x="4779" y="124682"/>
                      </a:lnTo>
                      <a:cubicBezTo>
                        <a:pt x="2876" y="124016"/>
                        <a:pt x="878" y="124968"/>
                        <a:pt x="212" y="126873"/>
                      </a:cubicBezTo>
                      <a:cubicBezTo>
                        <a:pt x="-454" y="128683"/>
                        <a:pt x="497" y="130778"/>
                        <a:pt x="2400" y="131445"/>
                      </a:cubicBezTo>
                      <a:lnTo>
                        <a:pt x="34938" y="143066"/>
                      </a:lnTo>
                      <a:cubicBezTo>
                        <a:pt x="33606" y="145447"/>
                        <a:pt x="32274" y="147733"/>
                        <a:pt x="30847" y="150019"/>
                      </a:cubicBezTo>
                      <a:lnTo>
                        <a:pt x="47307" y="158210"/>
                      </a:lnTo>
                      <a:cubicBezTo>
                        <a:pt x="71758" y="113824"/>
                        <a:pt x="84031" y="49911"/>
                        <a:pt x="72043" y="0"/>
                      </a:cubicBezTo>
                      <a:close/>
                    </a:path>
                  </a:pathLst>
                </a:custGeom>
                <a:solidFill>
                  <a:srgbClr val="C6583F"/>
                </a:solidFill>
                <a:ln w="9492" cap="flat">
                  <a:noFill/>
                  <a:prstDash val="solid"/>
                  <a:miter/>
                </a:ln>
              </p:spPr>
              <p:txBody>
                <a:bodyPr rtlCol="0" anchor="ctr"/>
                <a:lstStyle/>
                <a:p>
                  <a:endParaRPr lang="en-US"/>
                </a:p>
              </p:txBody>
            </p:sp>
            <p:sp>
              <p:nvSpPr>
                <p:cNvPr id="42" name="Freeform 41">
                  <a:extLst>
                    <a:ext uri="{FF2B5EF4-FFF2-40B4-BE49-F238E27FC236}">
                      <a16:creationId xmlns:a16="http://schemas.microsoft.com/office/drawing/2014/main" id="{200E9B1F-279B-98DA-FA2B-351E01587F31}"/>
                    </a:ext>
                  </a:extLst>
                </p:cNvPr>
                <p:cNvSpPr/>
                <p:nvPr/>
              </p:nvSpPr>
              <p:spPr>
                <a:xfrm>
                  <a:off x="3913915" y="3496873"/>
                  <a:ext cx="153658" cy="355092"/>
                </a:xfrm>
                <a:custGeom>
                  <a:avLst/>
                  <a:gdLst>
                    <a:gd name="connsiteX0" fmla="*/ 87744 w 153658"/>
                    <a:gd name="connsiteY0" fmla="*/ 40291 h 355092"/>
                    <a:gd name="connsiteX1" fmla="*/ 102681 w 153658"/>
                    <a:gd name="connsiteY1" fmla="*/ 308705 h 355092"/>
                    <a:gd name="connsiteX2" fmla="*/ 119616 w 153658"/>
                    <a:gd name="connsiteY2" fmla="*/ 294799 h 355092"/>
                    <a:gd name="connsiteX3" fmla="*/ 122375 w 153658"/>
                    <a:gd name="connsiteY3" fmla="*/ 289846 h 355092"/>
                    <a:gd name="connsiteX4" fmla="*/ 99446 w 153658"/>
                    <a:gd name="connsiteY4" fmla="*/ 12002 h 355092"/>
                    <a:gd name="connsiteX5" fmla="*/ 90598 w 153658"/>
                    <a:gd name="connsiteY5" fmla="*/ 0 h 355092"/>
                    <a:gd name="connsiteX6" fmla="*/ 79847 w 153658"/>
                    <a:gd name="connsiteY6" fmla="*/ 11716 h 355092"/>
                    <a:gd name="connsiteX7" fmla="*/ 53969 w 153658"/>
                    <a:gd name="connsiteY7" fmla="*/ 355092 h 355092"/>
                    <a:gd name="connsiteX8" fmla="*/ 56728 w 153658"/>
                    <a:gd name="connsiteY8" fmla="*/ 352235 h 355092"/>
                    <a:gd name="connsiteX9" fmla="*/ 87839 w 153658"/>
                    <a:gd name="connsiteY9" fmla="*/ 40386 h 3550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53658" h="355092">
                      <a:moveTo>
                        <a:pt x="87744" y="40291"/>
                      </a:moveTo>
                      <a:cubicBezTo>
                        <a:pt x="152249" y="125540"/>
                        <a:pt x="150822" y="222314"/>
                        <a:pt x="102681" y="308705"/>
                      </a:cubicBezTo>
                      <a:cubicBezTo>
                        <a:pt x="108104" y="304038"/>
                        <a:pt x="113812" y="299466"/>
                        <a:pt x="119616" y="294799"/>
                      </a:cubicBezTo>
                      <a:cubicBezTo>
                        <a:pt x="120567" y="293180"/>
                        <a:pt x="121519" y="291560"/>
                        <a:pt x="122375" y="289846"/>
                      </a:cubicBezTo>
                      <a:cubicBezTo>
                        <a:pt x="172419" y="200216"/>
                        <a:pt x="160717" y="92678"/>
                        <a:pt x="99446" y="12002"/>
                      </a:cubicBezTo>
                      <a:lnTo>
                        <a:pt x="90598" y="0"/>
                      </a:lnTo>
                      <a:cubicBezTo>
                        <a:pt x="90598" y="0"/>
                        <a:pt x="79847" y="11716"/>
                        <a:pt x="79847" y="11716"/>
                      </a:cubicBezTo>
                      <a:cubicBezTo>
                        <a:pt x="-11203" y="110109"/>
                        <a:pt x="-30516" y="249650"/>
                        <a:pt x="53969" y="355092"/>
                      </a:cubicBezTo>
                      <a:cubicBezTo>
                        <a:pt x="54825" y="354140"/>
                        <a:pt x="55776" y="353187"/>
                        <a:pt x="56728" y="352235"/>
                      </a:cubicBezTo>
                      <a:cubicBezTo>
                        <a:pt x="-13010" y="246602"/>
                        <a:pt x="3259" y="132302"/>
                        <a:pt x="87839" y="40386"/>
                      </a:cubicBezTo>
                      <a:close/>
                    </a:path>
                  </a:pathLst>
                </a:custGeom>
                <a:solidFill>
                  <a:srgbClr val="C6583F"/>
                </a:solidFill>
                <a:ln w="9492" cap="flat">
                  <a:noFill/>
                  <a:prstDash val="solid"/>
                  <a:miter/>
                </a:ln>
              </p:spPr>
              <p:txBody>
                <a:bodyPr rtlCol="0" anchor="ctr"/>
                <a:lstStyle/>
                <a:p>
                  <a:endParaRPr lang="en-US"/>
                </a:p>
              </p:txBody>
            </p:sp>
          </p:grpSp>
          <p:sp>
            <p:nvSpPr>
              <p:cNvPr id="35" name="Freeform 34">
                <a:extLst>
                  <a:ext uri="{FF2B5EF4-FFF2-40B4-BE49-F238E27FC236}">
                    <a16:creationId xmlns:a16="http://schemas.microsoft.com/office/drawing/2014/main" id="{650CF748-7805-6CA3-54A4-0F23FF1D0911}"/>
                  </a:ext>
                </a:extLst>
              </p:cNvPr>
              <p:cNvSpPr/>
              <p:nvPr/>
            </p:nvSpPr>
            <p:spPr>
              <a:xfrm>
                <a:off x="3325968" y="4481473"/>
                <a:ext cx="241562" cy="151772"/>
              </a:xfrm>
              <a:custGeom>
                <a:avLst/>
                <a:gdLst>
                  <a:gd name="connsiteX0" fmla="*/ 0 w 241562"/>
                  <a:gd name="connsiteY0" fmla="*/ 149352 h 151772"/>
                  <a:gd name="connsiteX1" fmla="*/ 241563 w 241562"/>
                  <a:gd name="connsiteY1" fmla="*/ 17812 h 151772"/>
                  <a:gd name="connsiteX2" fmla="*/ 178389 w 241562"/>
                  <a:gd name="connsiteY2" fmla="*/ 0 h 151772"/>
                  <a:gd name="connsiteX3" fmla="*/ 0 w 241562"/>
                  <a:gd name="connsiteY3" fmla="*/ 149352 h 151772"/>
                </a:gdLst>
                <a:ahLst/>
                <a:cxnLst>
                  <a:cxn ang="0">
                    <a:pos x="connsiteX0" y="connsiteY0"/>
                  </a:cxn>
                  <a:cxn ang="0">
                    <a:pos x="connsiteX1" y="connsiteY1"/>
                  </a:cxn>
                  <a:cxn ang="0">
                    <a:pos x="connsiteX2" y="connsiteY2"/>
                  </a:cxn>
                  <a:cxn ang="0">
                    <a:pos x="connsiteX3" y="connsiteY3"/>
                  </a:cxn>
                </a:cxnLst>
                <a:rect l="l" t="t" r="r" b="b"/>
                <a:pathLst>
                  <a:path w="241562" h="151772">
                    <a:moveTo>
                      <a:pt x="0" y="149352"/>
                    </a:moveTo>
                    <a:cubicBezTo>
                      <a:pt x="108556" y="163068"/>
                      <a:pt x="198940" y="118396"/>
                      <a:pt x="241563" y="17812"/>
                    </a:cubicBezTo>
                    <a:cubicBezTo>
                      <a:pt x="220061" y="13240"/>
                      <a:pt x="199701" y="7810"/>
                      <a:pt x="178389" y="0"/>
                    </a:cubicBezTo>
                    <a:cubicBezTo>
                      <a:pt x="94951" y="12287"/>
                      <a:pt x="27781" y="61246"/>
                      <a:pt x="0" y="149352"/>
                    </a:cubicBezTo>
                    <a:close/>
                  </a:path>
                </a:pathLst>
              </a:custGeom>
              <a:noFill/>
              <a:ln w="9492" cap="flat">
                <a:noFill/>
                <a:prstDash val="solid"/>
                <a:miter/>
              </a:ln>
            </p:spPr>
            <p:txBody>
              <a:bodyPr rtlCol="0" anchor="ctr"/>
              <a:lstStyle/>
              <a:p>
                <a:endParaRPr lang="en-US"/>
              </a:p>
            </p:txBody>
          </p:sp>
          <p:sp>
            <p:nvSpPr>
              <p:cNvPr id="36" name="Freeform 35">
                <a:extLst>
                  <a:ext uri="{FF2B5EF4-FFF2-40B4-BE49-F238E27FC236}">
                    <a16:creationId xmlns:a16="http://schemas.microsoft.com/office/drawing/2014/main" id="{0B63BDA1-158F-D563-C6BB-87AC00E95D8C}"/>
                  </a:ext>
                </a:extLst>
              </p:cNvPr>
              <p:cNvSpPr/>
              <p:nvPr/>
            </p:nvSpPr>
            <p:spPr>
              <a:xfrm>
                <a:off x="3553735" y="4473758"/>
                <a:ext cx="21882" cy="3429"/>
              </a:xfrm>
              <a:custGeom>
                <a:avLst/>
                <a:gdLst>
                  <a:gd name="connsiteX0" fmla="*/ 0 w 21882"/>
                  <a:gd name="connsiteY0" fmla="*/ 0 h 3429"/>
                  <a:gd name="connsiteX1" fmla="*/ 21882 w 21882"/>
                  <a:gd name="connsiteY1" fmla="*/ 3429 h 3429"/>
                  <a:gd name="connsiteX2" fmla="*/ 0 w 21882"/>
                  <a:gd name="connsiteY2" fmla="*/ 0 h 3429"/>
                </a:gdLst>
                <a:ahLst/>
                <a:cxnLst>
                  <a:cxn ang="0">
                    <a:pos x="connsiteX0" y="connsiteY0"/>
                  </a:cxn>
                  <a:cxn ang="0">
                    <a:pos x="connsiteX1" y="connsiteY1"/>
                  </a:cxn>
                  <a:cxn ang="0">
                    <a:pos x="connsiteX2" y="connsiteY2"/>
                  </a:cxn>
                </a:cxnLst>
                <a:rect l="l" t="t" r="r" b="b"/>
                <a:pathLst>
                  <a:path w="21882" h="3429">
                    <a:moveTo>
                      <a:pt x="0" y="0"/>
                    </a:moveTo>
                    <a:cubicBezTo>
                      <a:pt x="7516" y="1333"/>
                      <a:pt x="14747" y="2381"/>
                      <a:pt x="21882" y="3429"/>
                    </a:cubicBezTo>
                    <a:cubicBezTo>
                      <a:pt x="14747" y="1810"/>
                      <a:pt x="7421" y="762"/>
                      <a:pt x="0" y="0"/>
                    </a:cubicBezTo>
                    <a:close/>
                  </a:path>
                </a:pathLst>
              </a:custGeom>
              <a:solidFill>
                <a:srgbClr val="2B823F"/>
              </a:solidFill>
              <a:ln w="9492" cap="flat">
                <a:noFill/>
                <a:prstDash val="solid"/>
                <a:miter/>
              </a:ln>
            </p:spPr>
            <p:txBody>
              <a:bodyPr rtlCol="0" anchor="ctr"/>
              <a:lstStyle/>
              <a:p>
                <a:endParaRPr lang="en-US"/>
              </a:p>
            </p:txBody>
          </p:sp>
          <p:grpSp>
            <p:nvGrpSpPr>
              <p:cNvPr id="37" name="Graphic 12">
                <a:extLst>
                  <a:ext uri="{FF2B5EF4-FFF2-40B4-BE49-F238E27FC236}">
                    <a16:creationId xmlns:a16="http://schemas.microsoft.com/office/drawing/2014/main" id="{A727AF74-C162-A336-DCE3-86E95105F147}"/>
                  </a:ext>
                </a:extLst>
              </p:cNvPr>
              <p:cNvGrpSpPr/>
              <p:nvPr/>
            </p:nvGrpSpPr>
            <p:grpSpPr>
              <a:xfrm>
                <a:off x="3294572" y="4314009"/>
                <a:ext cx="277145" cy="340095"/>
                <a:chOff x="3294572" y="4314009"/>
                <a:chExt cx="277145" cy="340095"/>
              </a:xfrm>
              <a:solidFill>
                <a:srgbClr val="2B823F"/>
              </a:solidFill>
            </p:grpSpPr>
            <p:sp>
              <p:nvSpPr>
                <p:cNvPr id="39" name="Freeform 38">
                  <a:extLst>
                    <a:ext uri="{FF2B5EF4-FFF2-40B4-BE49-F238E27FC236}">
                      <a16:creationId xmlns:a16="http://schemas.microsoft.com/office/drawing/2014/main" id="{F4C0CAD1-320B-DD5D-F1A3-710D714F28D6}"/>
                    </a:ext>
                  </a:extLst>
                </p:cNvPr>
                <p:cNvSpPr/>
                <p:nvPr/>
              </p:nvSpPr>
              <p:spPr>
                <a:xfrm>
                  <a:off x="3440042" y="4314009"/>
                  <a:ext cx="94189" cy="88692"/>
                </a:xfrm>
                <a:custGeom>
                  <a:avLst/>
                  <a:gdLst>
                    <a:gd name="connsiteX0" fmla="*/ 77920 w 94189"/>
                    <a:gd name="connsiteY0" fmla="*/ 72024 h 88692"/>
                    <a:gd name="connsiteX1" fmla="*/ 91906 w 94189"/>
                    <a:gd name="connsiteY1" fmla="*/ 63356 h 88692"/>
                    <a:gd name="connsiteX2" fmla="*/ 93048 w 94189"/>
                    <a:gd name="connsiteY2" fmla="*/ 58403 h 88692"/>
                    <a:gd name="connsiteX3" fmla="*/ 88100 w 94189"/>
                    <a:gd name="connsiteY3" fmla="*/ 57260 h 88692"/>
                    <a:gd name="connsiteX4" fmla="*/ 70119 w 94189"/>
                    <a:gd name="connsiteY4" fmla="*/ 68404 h 88692"/>
                    <a:gd name="connsiteX5" fmla="*/ 42338 w 94189"/>
                    <a:gd name="connsiteY5" fmla="*/ 51735 h 88692"/>
                    <a:gd name="connsiteX6" fmla="*/ 65171 w 94189"/>
                    <a:gd name="connsiteY6" fmla="*/ 35828 h 88692"/>
                    <a:gd name="connsiteX7" fmla="*/ 66028 w 94189"/>
                    <a:gd name="connsiteY7" fmla="*/ 30876 h 88692"/>
                    <a:gd name="connsiteX8" fmla="*/ 61080 w 94189"/>
                    <a:gd name="connsiteY8" fmla="*/ 30018 h 88692"/>
                    <a:gd name="connsiteX9" fmla="*/ 36534 w 94189"/>
                    <a:gd name="connsiteY9" fmla="*/ 47163 h 88692"/>
                    <a:gd name="connsiteX10" fmla="*/ 14842 w 94189"/>
                    <a:gd name="connsiteY10" fmla="*/ 25637 h 88692"/>
                    <a:gd name="connsiteX11" fmla="*/ 14842 w 94189"/>
                    <a:gd name="connsiteY11" fmla="*/ 25637 h 88692"/>
                    <a:gd name="connsiteX12" fmla="*/ 42623 w 94189"/>
                    <a:gd name="connsiteY12" fmla="*/ 6492 h 88692"/>
                    <a:gd name="connsiteX13" fmla="*/ 43575 w 94189"/>
                    <a:gd name="connsiteY13" fmla="*/ 1539 h 88692"/>
                    <a:gd name="connsiteX14" fmla="*/ 38627 w 94189"/>
                    <a:gd name="connsiteY14" fmla="*/ 586 h 88692"/>
                    <a:gd name="connsiteX15" fmla="*/ 10846 w 94189"/>
                    <a:gd name="connsiteY15" fmla="*/ 19731 h 88692"/>
                    <a:gd name="connsiteX16" fmla="*/ 10465 w 94189"/>
                    <a:gd name="connsiteY16" fmla="*/ 20112 h 88692"/>
                    <a:gd name="connsiteX17" fmla="*/ 3425 w 94189"/>
                    <a:gd name="connsiteY17" fmla="*/ 9159 h 88692"/>
                    <a:gd name="connsiteX18" fmla="*/ 0 w 94189"/>
                    <a:gd name="connsiteY18" fmla="*/ 12778 h 88692"/>
                    <a:gd name="connsiteX19" fmla="*/ 88291 w 94189"/>
                    <a:gd name="connsiteY19" fmla="*/ 88692 h 88692"/>
                    <a:gd name="connsiteX20" fmla="*/ 94190 w 94189"/>
                    <a:gd name="connsiteY20" fmla="*/ 78501 h 88692"/>
                    <a:gd name="connsiteX21" fmla="*/ 77920 w 94189"/>
                    <a:gd name="connsiteY21" fmla="*/ 72119 h 88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94189" h="88692">
                      <a:moveTo>
                        <a:pt x="77920" y="72024"/>
                      </a:moveTo>
                      <a:lnTo>
                        <a:pt x="91906" y="63356"/>
                      </a:lnTo>
                      <a:cubicBezTo>
                        <a:pt x="93619" y="62308"/>
                        <a:pt x="94094" y="60117"/>
                        <a:pt x="93048" y="58403"/>
                      </a:cubicBezTo>
                      <a:cubicBezTo>
                        <a:pt x="92001" y="56688"/>
                        <a:pt x="89813" y="56212"/>
                        <a:pt x="88100" y="57260"/>
                      </a:cubicBezTo>
                      <a:lnTo>
                        <a:pt x="70119" y="68404"/>
                      </a:lnTo>
                      <a:cubicBezTo>
                        <a:pt x="60414" y="63642"/>
                        <a:pt x="51091" y="58117"/>
                        <a:pt x="42338" y="51735"/>
                      </a:cubicBezTo>
                      <a:lnTo>
                        <a:pt x="65171" y="35828"/>
                      </a:lnTo>
                      <a:cubicBezTo>
                        <a:pt x="66789" y="34686"/>
                        <a:pt x="67169" y="32495"/>
                        <a:pt x="66028" y="30876"/>
                      </a:cubicBezTo>
                      <a:cubicBezTo>
                        <a:pt x="64886" y="29256"/>
                        <a:pt x="62698" y="28875"/>
                        <a:pt x="61080" y="30018"/>
                      </a:cubicBezTo>
                      <a:lnTo>
                        <a:pt x="36534" y="47163"/>
                      </a:lnTo>
                      <a:cubicBezTo>
                        <a:pt x="28542" y="40686"/>
                        <a:pt x="21216" y="33447"/>
                        <a:pt x="14842" y="25637"/>
                      </a:cubicBezTo>
                      <a:cubicBezTo>
                        <a:pt x="14842" y="25637"/>
                        <a:pt x="14842" y="25637"/>
                        <a:pt x="14842" y="25637"/>
                      </a:cubicBezTo>
                      <a:lnTo>
                        <a:pt x="42623" y="6492"/>
                      </a:lnTo>
                      <a:cubicBezTo>
                        <a:pt x="44241" y="5349"/>
                        <a:pt x="44621" y="3158"/>
                        <a:pt x="43575" y="1539"/>
                      </a:cubicBezTo>
                      <a:cubicBezTo>
                        <a:pt x="42433" y="-81"/>
                        <a:pt x="40245" y="-462"/>
                        <a:pt x="38627" y="586"/>
                      </a:cubicBezTo>
                      <a:lnTo>
                        <a:pt x="10846" y="19731"/>
                      </a:lnTo>
                      <a:cubicBezTo>
                        <a:pt x="10846" y="19731"/>
                        <a:pt x="10656" y="20017"/>
                        <a:pt x="10465" y="20112"/>
                      </a:cubicBezTo>
                      <a:cubicBezTo>
                        <a:pt x="7897" y="16588"/>
                        <a:pt x="5518" y="12873"/>
                        <a:pt x="3425" y="9159"/>
                      </a:cubicBezTo>
                      <a:lnTo>
                        <a:pt x="0" y="12778"/>
                      </a:lnTo>
                      <a:cubicBezTo>
                        <a:pt x="17982" y="48497"/>
                        <a:pt x="51281" y="74691"/>
                        <a:pt x="88291" y="88692"/>
                      </a:cubicBezTo>
                      <a:lnTo>
                        <a:pt x="94190" y="78501"/>
                      </a:lnTo>
                      <a:cubicBezTo>
                        <a:pt x="88766" y="76691"/>
                        <a:pt x="83343" y="74500"/>
                        <a:pt x="77920" y="72119"/>
                      </a:cubicBezTo>
                      <a:close/>
                    </a:path>
                  </a:pathLst>
                </a:custGeom>
                <a:solidFill>
                  <a:srgbClr val="2B823F"/>
                </a:solidFill>
                <a:ln w="9492" cap="flat">
                  <a:noFill/>
                  <a:prstDash val="solid"/>
                  <a:miter/>
                </a:ln>
              </p:spPr>
              <p:txBody>
                <a:bodyPr rtlCol="0" anchor="ctr"/>
                <a:lstStyle/>
                <a:p>
                  <a:endParaRPr lang="en-US"/>
                </a:p>
              </p:txBody>
            </p:sp>
            <p:sp>
              <p:nvSpPr>
                <p:cNvPr id="40" name="Freeform 39">
                  <a:extLst>
                    <a:ext uri="{FF2B5EF4-FFF2-40B4-BE49-F238E27FC236}">
                      <a16:creationId xmlns:a16="http://schemas.microsoft.com/office/drawing/2014/main" id="{747D888A-D03D-89E3-56D6-176B43D32184}"/>
                    </a:ext>
                  </a:extLst>
                </p:cNvPr>
                <p:cNvSpPr/>
                <p:nvPr/>
              </p:nvSpPr>
              <p:spPr>
                <a:xfrm>
                  <a:off x="3294572" y="4475472"/>
                  <a:ext cx="277145" cy="178631"/>
                </a:xfrm>
                <a:custGeom>
                  <a:avLst/>
                  <a:gdLst>
                    <a:gd name="connsiteX0" fmla="*/ 31397 w 277145"/>
                    <a:gd name="connsiteY0" fmla="*/ 155353 h 178631"/>
                    <a:gd name="connsiteX1" fmla="*/ 209786 w 277145"/>
                    <a:gd name="connsiteY1" fmla="*/ 6001 h 178631"/>
                    <a:gd name="connsiteX2" fmla="*/ 194563 w 277145"/>
                    <a:gd name="connsiteY2" fmla="*/ 0 h 178631"/>
                    <a:gd name="connsiteX3" fmla="*/ 2854 w 277145"/>
                    <a:gd name="connsiteY3" fmla="*/ 160877 h 178631"/>
                    <a:gd name="connsiteX4" fmla="*/ 0 w 277145"/>
                    <a:gd name="connsiteY4" fmla="*/ 174307 h 178631"/>
                    <a:gd name="connsiteX5" fmla="*/ 14176 w 277145"/>
                    <a:gd name="connsiteY5" fmla="*/ 176117 h 178631"/>
                    <a:gd name="connsiteX6" fmla="*/ 277145 w 277145"/>
                    <a:gd name="connsiteY6" fmla="*/ 24670 h 178631"/>
                    <a:gd name="connsiteX7" fmla="*/ 272864 w 277145"/>
                    <a:gd name="connsiteY7" fmla="*/ 23717 h 178631"/>
                    <a:gd name="connsiteX8" fmla="*/ 31301 w 277145"/>
                    <a:gd name="connsiteY8" fmla="*/ 155257 h 1786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7145" h="178631">
                      <a:moveTo>
                        <a:pt x="31397" y="155353"/>
                      </a:moveTo>
                      <a:cubicBezTo>
                        <a:pt x="59273" y="67342"/>
                        <a:pt x="126347" y="18383"/>
                        <a:pt x="209786" y="6001"/>
                      </a:cubicBezTo>
                      <a:cubicBezTo>
                        <a:pt x="204743" y="4191"/>
                        <a:pt x="199701" y="2191"/>
                        <a:pt x="194563" y="0"/>
                      </a:cubicBezTo>
                      <a:cubicBezTo>
                        <a:pt x="103418" y="10477"/>
                        <a:pt x="30065" y="74200"/>
                        <a:pt x="2854" y="160877"/>
                      </a:cubicBezTo>
                      <a:lnTo>
                        <a:pt x="0" y="174307"/>
                      </a:lnTo>
                      <a:cubicBezTo>
                        <a:pt x="0" y="174307"/>
                        <a:pt x="14271" y="176117"/>
                        <a:pt x="14176" y="176117"/>
                      </a:cubicBezTo>
                      <a:cubicBezTo>
                        <a:pt x="131009" y="191452"/>
                        <a:pt x="240897" y="136112"/>
                        <a:pt x="277145" y="24670"/>
                      </a:cubicBezTo>
                      <a:cubicBezTo>
                        <a:pt x="275718" y="24384"/>
                        <a:pt x="274291" y="24003"/>
                        <a:pt x="272864" y="23717"/>
                      </a:cubicBezTo>
                      <a:cubicBezTo>
                        <a:pt x="230241" y="124206"/>
                        <a:pt x="139762" y="168973"/>
                        <a:pt x="31301" y="155257"/>
                      </a:cubicBezTo>
                      <a:close/>
                    </a:path>
                  </a:pathLst>
                </a:custGeom>
                <a:solidFill>
                  <a:srgbClr val="2B823F"/>
                </a:solidFill>
                <a:ln w="9492" cap="flat">
                  <a:noFill/>
                  <a:prstDash val="solid"/>
                  <a:miter/>
                </a:ln>
              </p:spPr>
              <p:txBody>
                <a:bodyPr rtlCol="0" anchor="ctr"/>
                <a:lstStyle/>
                <a:p>
                  <a:endParaRPr lang="en-US"/>
                </a:p>
              </p:txBody>
            </p:sp>
          </p:grpSp>
          <p:sp>
            <p:nvSpPr>
              <p:cNvPr id="38" name="Freeform 37">
                <a:extLst>
                  <a:ext uri="{FF2B5EF4-FFF2-40B4-BE49-F238E27FC236}">
                    <a16:creationId xmlns:a16="http://schemas.microsoft.com/office/drawing/2014/main" id="{B7A9FB1C-CB92-BA9C-D2A5-2B512CC38ACB}"/>
                  </a:ext>
                </a:extLst>
              </p:cNvPr>
              <p:cNvSpPr/>
              <p:nvPr/>
            </p:nvSpPr>
            <p:spPr>
              <a:xfrm>
                <a:off x="2630108" y="3433628"/>
                <a:ext cx="2639113" cy="2153269"/>
              </a:xfrm>
              <a:custGeom>
                <a:avLst/>
                <a:gdLst>
                  <a:gd name="connsiteX0" fmla="*/ 2638923 w 2639113"/>
                  <a:gd name="connsiteY0" fmla="*/ 807911 h 2153269"/>
                  <a:gd name="connsiteX1" fmla="*/ 2570422 w 2639113"/>
                  <a:gd name="connsiteY1" fmla="*/ 1213580 h 2153269"/>
                  <a:gd name="connsiteX2" fmla="*/ 2389464 w 2639113"/>
                  <a:gd name="connsiteY2" fmla="*/ 1565053 h 2153269"/>
                  <a:gd name="connsiteX3" fmla="*/ 2115934 w 2639113"/>
                  <a:gd name="connsiteY3" fmla="*/ 1845088 h 2153269"/>
                  <a:gd name="connsiteX4" fmla="*/ 1769526 w 2639113"/>
                  <a:gd name="connsiteY4" fmla="*/ 2033873 h 2153269"/>
                  <a:gd name="connsiteX5" fmla="*/ 1371837 w 2639113"/>
                  <a:gd name="connsiteY5" fmla="*/ 2111597 h 2153269"/>
                  <a:gd name="connsiteX6" fmla="*/ 1129608 w 2639113"/>
                  <a:gd name="connsiteY6" fmla="*/ 2098739 h 2153269"/>
                  <a:gd name="connsiteX7" fmla="*/ 1110580 w 2639113"/>
                  <a:gd name="connsiteY7" fmla="*/ 1974723 h 2153269"/>
                  <a:gd name="connsiteX8" fmla="*/ 1277267 w 2639113"/>
                  <a:gd name="connsiteY8" fmla="*/ 1615440 h 2153269"/>
                  <a:gd name="connsiteX9" fmla="*/ 1887881 w 2639113"/>
                  <a:gd name="connsiteY9" fmla="*/ 1253300 h 2153269"/>
                  <a:gd name="connsiteX10" fmla="*/ 1964755 w 2639113"/>
                  <a:gd name="connsiteY10" fmla="*/ 1200436 h 2153269"/>
                  <a:gd name="connsiteX11" fmla="*/ 1970083 w 2639113"/>
                  <a:gd name="connsiteY11" fmla="*/ 1196054 h 2153269"/>
                  <a:gd name="connsiteX12" fmla="*/ 2004333 w 2639113"/>
                  <a:gd name="connsiteY12" fmla="*/ 1164908 h 2153269"/>
                  <a:gd name="connsiteX13" fmla="*/ 2009376 w 2639113"/>
                  <a:gd name="connsiteY13" fmla="*/ 1159859 h 2153269"/>
                  <a:gd name="connsiteX14" fmla="*/ 2060657 w 2639113"/>
                  <a:gd name="connsiteY14" fmla="*/ 1098709 h 2153269"/>
                  <a:gd name="connsiteX15" fmla="*/ 2110796 w 2639113"/>
                  <a:gd name="connsiteY15" fmla="*/ 1020318 h 2153269"/>
                  <a:gd name="connsiteX16" fmla="*/ 2112984 w 2639113"/>
                  <a:gd name="connsiteY16" fmla="*/ 1016603 h 2153269"/>
                  <a:gd name="connsiteX17" fmla="*/ 2171020 w 2639113"/>
                  <a:gd name="connsiteY17" fmla="*/ 920401 h 2153269"/>
                  <a:gd name="connsiteX18" fmla="*/ 2475566 w 2639113"/>
                  <a:gd name="connsiteY18" fmla="*/ 645700 h 2153269"/>
                  <a:gd name="connsiteX19" fmla="*/ 2151516 w 2639113"/>
                  <a:gd name="connsiteY19" fmla="*/ 906685 h 2153269"/>
                  <a:gd name="connsiteX20" fmla="*/ 2090531 w 2639113"/>
                  <a:gd name="connsiteY20" fmla="*/ 996220 h 2153269"/>
                  <a:gd name="connsiteX21" fmla="*/ 2086440 w 2639113"/>
                  <a:gd name="connsiteY21" fmla="*/ 1002125 h 2153269"/>
                  <a:gd name="connsiteX22" fmla="*/ 2069124 w 2639113"/>
                  <a:gd name="connsiteY22" fmla="*/ 1026890 h 2153269"/>
                  <a:gd name="connsiteX23" fmla="*/ 2064938 w 2639113"/>
                  <a:gd name="connsiteY23" fmla="*/ 1032701 h 2153269"/>
                  <a:gd name="connsiteX24" fmla="*/ 2046576 w 2639113"/>
                  <a:gd name="connsiteY24" fmla="*/ 1056894 h 2153269"/>
                  <a:gd name="connsiteX25" fmla="*/ 2042009 w 2639113"/>
                  <a:gd name="connsiteY25" fmla="*/ 1062419 h 2153269"/>
                  <a:gd name="connsiteX26" fmla="*/ 2022220 w 2639113"/>
                  <a:gd name="connsiteY26" fmla="*/ 1085279 h 2153269"/>
                  <a:gd name="connsiteX27" fmla="*/ 2017177 w 2639113"/>
                  <a:gd name="connsiteY27" fmla="*/ 1090422 h 2153269"/>
                  <a:gd name="connsiteX28" fmla="*/ 1994914 w 2639113"/>
                  <a:gd name="connsiteY28" fmla="*/ 1111568 h 2153269"/>
                  <a:gd name="connsiteX29" fmla="*/ 1989301 w 2639113"/>
                  <a:gd name="connsiteY29" fmla="*/ 1116140 h 2153269"/>
                  <a:gd name="connsiteX30" fmla="*/ 1969607 w 2639113"/>
                  <a:gd name="connsiteY30" fmla="*/ 1130808 h 2153269"/>
                  <a:gd name="connsiteX31" fmla="*/ 1924700 w 2639113"/>
                  <a:gd name="connsiteY31" fmla="*/ 1159288 h 2153269"/>
                  <a:gd name="connsiteX32" fmla="*/ 1918897 w 2639113"/>
                  <a:gd name="connsiteY32" fmla="*/ 1120997 h 2153269"/>
                  <a:gd name="connsiteX33" fmla="*/ 1917089 w 2639113"/>
                  <a:gd name="connsiteY33" fmla="*/ 1005650 h 2153269"/>
                  <a:gd name="connsiteX34" fmla="*/ 1918421 w 2639113"/>
                  <a:gd name="connsiteY34" fmla="*/ 997268 h 2153269"/>
                  <a:gd name="connsiteX35" fmla="*/ 1927079 w 2639113"/>
                  <a:gd name="connsiteY35" fmla="*/ 965359 h 2153269"/>
                  <a:gd name="connsiteX36" fmla="*/ 1929838 w 2639113"/>
                  <a:gd name="connsiteY36" fmla="*/ 958406 h 2153269"/>
                  <a:gd name="connsiteX37" fmla="*/ 1944299 w 2639113"/>
                  <a:gd name="connsiteY37" fmla="*/ 931259 h 2153269"/>
                  <a:gd name="connsiteX38" fmla="*/ 1948390 w 2639113"/>
                  <a:gd name="connsiteY38" fmla="*/ 925354 h 2153269"/>
                  <a:gd name="connsiteX39" fmla="*/ 1968275 w 2639113"/>
                  <a:gd name="connsiteY39" fmla="*/ 902113 h 2153269"/>
                  <a:gd name="connsiteX40" fmla="*/ 1973508 w 2639113"/>
                  <a:gd name="connsiteY40" fmla="*/ 897160 h 2153269"/>
                  <a:gd name="connsiteX41" fmla="*/ 2002906 w 2639113"/>
                  <a:gd name="connsiteY41" fmla="*/ 874395 h 2153269"/>
                  <a:gd name="connsiteX42" fmla="*/ 2000813 w 2639113"/>
                  <a:gd name="connsiteY42" fmla="*/ 870966 h 2153269"/>
                  <a:gd name="connsiteX43" fmla="*/ 1933453 w 2639113"/>
                  <a:gd name="connsiteY43" fmla="*/ 925449 h 2153269"/>
                  <a:gd name="connsiteX44" fmla="*/ 1898251 w 2639113"/>
                  <a:gd name="connsiteY44" fmla="*/ 1019366 h 2153269"/>
                  <a:gd name="connsiteX45" fmla="*/ 1898251 w 2639113"/>
                  <a:gd name="connsiteY45" fmla="*/ 1146143 h 2153269"/>
                  <a:gd name="connsiteX46" fmla="*/ 1901391 w 2639113"/>
                  <a:gd name="connsiteY46" fmla="*/ 1173194 h 2153269"/>
                  <a:gd name="connsiteX47" fmla="*/ 1640229 w 2639113"/>
                  <a:gd name="connsiteY47" fmla="*/ 1297115 h 2153269"/>
                  <a:gd name="connsiteX48" fmla="*/ 1549750 w 2639113"/>
                  <a:gd name="connsiteY48" fmla="*/ 1336358 h 2153269"/>
                  <a:gd name="connsiteX49" fmla="*/ 1648887 w 2639113"/>
                  <a:gd name="connsiteY49" fmla="*/ 869633 h 2153269"/>
                  <a:gd name="connsiteX50" fmla="*/ 1852298 w 2639113"/>
                  <a:gd name="connsiteY50" fmla="*/ 649034 h 2153269"/>
                  <a:gd name="connsiteX51" fmla="*/ 1825659 w 2639113"/>
                  <a:gd name="connsiteY51" fmla="*/ 360140 h 2153269"/>
                  <a:gd name="connsiteX52" fmla="*/ 1822900 w 2639113"/>
                  <a:gd name="connsiteY52" fmla="*/ 361474 h 2153269"/>
                  <a:gd name="connsiteX53" fmla="*/ 1851061 w 2639113"/>
                  <a:gd name="connsiteY53" fmla="*/ 518351 h 2153269"/>
                  <a:gd name="connsiteX54" fmla="*/ 1655166 w 2639113"/>
                  <a:gd name="connsiteY54" fmla="*/ 835628 h 2153269"/>
                  <a:gd name="connsiteX55" fmla="*/ 1586379 w 2639113"/>
                  <a:gd name="connsiteY55" fmla="*/ 724281 h 2153269"/>
                  <a:gd name="connsiteX56" fmla="*/ 1624911 w 2639113"/>
                  <a:gd name="connsiteY56" fmla="*/ 703231 h 2153269"/>
                  <a:gd name="connsiteX57" fmla="*/ 1727093 w 2639113"/>
                  <a:gd name="connsiteY57" fmla="*/ 629603 h 2153269"/>
                  <a:gd name="connsiteX58" fmla="*/ 1784463 w 2639113"/>
                  <a:gd name="connsiteY58" fmla="*/ 546830 h 2153269"/>
                  <a:gd name="connsiteX59" fmla="*/ 1789886 w 2639113"/>
                  <a:gd name="connsiteY59" fmla="*/ 460343 h 2153269"/>
                  <a:gd name="connsiteX60" fmla="*/ 1785890 w 2639113"/>
                  <a:gd name="connsiteY60" fmla="*/ 460629 h 2153269"/>
                  <a:gd name="connsiteX61" fmla="*/ 1783321 w 2639113"/>
                  <a:gd name="connsiteY61" fmla="*/ 503492 h 2153269"/>
                  <a:gd name="connsiteX62" fmla="*/ 1781799 w 2639113"/>
                  <a:gd name="connsiteY62" fmla="*/ 510730 h 2153269"/>
                  <a:gd name="connsiteX63" fmla="*/ 1773236 w 2639113"/>
                  <a:gd name="connsiteY63" fmla="*/ 539972 h 2153269"/>
                  <a:gd name="connsiteX64" fmla="*/ 1770382 w 2639113"/>
                  <a:gd name="connsiteY64" fmla="*/ 546545 h 2153269"/>
                  <a:gd name="connsiteX65" fmla="*/ 1755540 w 2639113"/>
                  <a:gd name="connsiteY65" fmla="*/ 573024 h 2153269"/>
                  <a:gd name="connsiteX66" fmla="*/ 1751354 w 2639113"/>
                  <a:gd name="connsiteY66" fmla="*/ 578930 h 2153269"/>
                  <a:gd name="connsiteX67" fmla="*/ 1730708 w 2639113"/>
                  <a:gd name="connsiteY67" fmla="*/ 602552 h 2153269"/>
                  <a:gd name="connsiteX68" fmla="*/ 1725285 w 2639113"/>
                  <a:gd name="connsiteY68" fmla="*/ 607790 h 2153269"/>
                  <a:gd name="connsiteX69" fmla="*/ 1699978 w 2639113"/>
                  <a:gd name="connsiteY69" fmla="*/ 628460 h 2153269"/>
                  <a:gd name="connsiteX70" fmla="*/ 1693413 w 2639113"/>
                  <a:gd name="connsiteY70" fmla="*/ 633127 h 2153269"/>
                  <a:gd name="connsiteX71" fmla="*/ 1664300 w 2639113"/>
                  <a:gd name="connsiteY71" fmla="*/ 652082 h 2153269"/>
                  <a:gd name="connsiteX72" fmla="*/ 1657069 w 2639113"/>
                  <a:gd name="connsiteY72" fmla="*/ 656463 h 2153269"/>
                  <a:gd name="connsiteX73" fmla="*/ 1636138 w 2639113"/>
                  <a:gd name="connsiteY73" fmla="*/ 668845 h 2153269"/>
                  <a:gd name="connsiteX74" fmla="*/ 1575153 w 2639113"/>
                  <a:gd name="connsiteY74" fmla="*/ 699611 h 2153269"/>
                  <a:gd name="connsiteX75" fmla="*/ 1573440 w 2639113"/>
                  <a:gd name="connsiteY75" fmla="*/ 695325 h 2153269"/>
                  <a:gd name="connsiteX76" fmla="*/ 1540617 w 2639113"/>
                  <a:gd name="connsiteY76" fmla="*/ 554736 h 2153269"/>
                  <a:gd name="connsiteX77" fmla="*/ 1540331 w 2639113"/>
                  <a:gd name="connsiteY77" fmla="*/ 546545 h 2153269"/>
                  <a:gd name="connsiteX78" fmla="*/ 1542139 w 2639113"/>
                  <a:gd name="connsiteY78" fmla="*/ 514160 h 2153269"/>
                  <a:gd name="connsiteX79" fmla="*/ 1543376 w 2639113"/>
                  <a:gd name="connsiteY79" fmla="*/ 506730 h 2153269"/>
                  <a:gd name="connsiteX80" fmla="*/ 1550797 w 2639113"/>
                  <a:gd name="connsiteY80" fmla="*/ 475869 h 2153269"/>
                  <a:gd name="connsiteX81" fmla="*/ 1553175 w 2639113"/>
                  <a:gd name="connsiteY81" fmla="*/ 469106 h 2153269"/>
                  <a:gd name="connsiteX82" fmla="*/ 1565734 w 2639113"/>
                  <a:gd name="connsiteY82" fmla="*/ 441865 h 2153269"/>
                  <a:gd name="connsiteX83" fmla="*/ 1569254 w 2639113"/>
                  <a:gd name="connsiteY83" fmla="*/ 435674 h 2153269"/>
                  <a:gd name="connsiteX84" fmla="*/ 1571728 w 2639113"/>
                  <a:gd name="connsiteY84" fmla="*/ 431292 h 2153269"/>
                  <a:gd name="connsiteX85" fmla="*/ 1587331 w 2639113"/>
                  <a:gd name="connsiteY85" fmla="*/ 410718 h 2153269"/>
                  <a:gd name="connsiteX86" fmla="*/ 1592563 w 2639113"/>
                  <a:gd name="connsiteY86" fmla="*/ 405384 h 2153269"/>
                  <a:gd name="connsiteX87" fmla="*/ 1642227 w 2639113"/>
                  <a:gd name="connsiteY87" fmla="*/ 384620 h 2153269"/>
                  <a:gd name="connsiteX88" fmla="*/ 1636043 w 2639113"/>
                  <a:gd name="connsiteY88" fmla="*/ 380714 h 2153269"/>
                  <a:gd name="connsiteX89" fmla="*/ 1582954 w 2639113"/>
                  <a:gd name="connsiteY89" fmla="*/ 401098 h 2153269"/>
                  <a:gd name="connsiteX90" fmla="*/ 1580005 w 2639113"/>
                  <a:gd name="connsiteY90" fmla="*/ 403193 h 2153269"/>
                  <a:gd name="connsiteX91" fmla="*/ 1554792 w 2639113"/>
                  <a:gd name="connsiteY91" fmla="*/ 430816 h 2153269"/>
                  <a:gd name="connsiteX92" fmla="*/ 1526155 w 2639113"/>
                  <a:gd name="connsiteY92" fmla="*/ 498157 h 2153269"/>
                  <a:gd name="connsiteX93" fmla="*/ 1524443 w 2639113"/>
                  <a:gd name="connsiteY93" fmla="*/ 505016 h 2153269"/>
                  <a:gd name="connsiteX94" fmla="*/ 1520352 w 2639113"/>
                  <a:gd name="connsiteY94" fmla="*/ 531686 h 2153269"/>
                  <a:gd name="connsiteX95" fmla="*/ 1552319 w 2639113"/>
                  <a:gd name="connsiteY95" fmla="*/ 704279 h 2153269"/>
                  <a:gd name="connsiteX96" fmla="*/ 1562214 w 2639113"/>
                  <a:gd name="connsiteY96" fmla="*/ 726281 h 2153269"/>
                  <a:gd name="connsiteX97" fmla="*/ 1604076 w 2639113"/>
                  <a:gd name="connsiteY97" fmla="*/ 803910 h 2153269"/>
                  <a:gd name="connsiteX98" fmla="*/ 1606264 w 2639113"/>
                  <a:gd name="connsiteY98" fmla="*/ 807625 h 2153269"/>
                  <a:gd name="connsiteX99" fmla="*/ 1625958 w 2639113"/>
                  <a:gd name="connsiteY99" fmla="*/ 841343 h 2153269"/>
                  <a:gd name="connsiteX100" fmla="*/ 1630715 w 2639113"/>
                  <a:gd name="connsiteY100" fmla="*/ 849820 h 2153269"/>
                  <a:gd name="connsiteX101" fmla="*/ 1460793 w 2639113"/>
                  <a:gd name="connsiteY101" fmla="*/ 1377601 h 2153269"/>
                  <a:gd name="connsiteX102" fmla="*/ 1227793 w 2639113"/>
                  <a:gd name="connsiteY102" fmla="*/ 1502378 h 2153269"/>
                  <a:gd name="connsiteX103" fmla="*/ 1111436 w 2639113"/>
                  <a:gd name="connsiteY103" fmla="*/ 1335500 h 2153269"/>
                  <a:gd name="connsiteX104" fmla="*/ 1252245 w 2639113"/>
                  <a:gd name="connsiteY104" fmla="*/ 852773 h 2153269"/>
                  <a:gd name="connsiteX105" fmla="*/ 1401901 w 2639113"/>
                  <a:gd name="connsiteY105" fmla="*/ 399764 h 2153269"/>
                  <a:gd name="connsiteX106" fmla="*/ 1587616 w 2639113"/>
                  <a:gd name="connsiteY106" fmla="*/ 243554 h 2153269"/>
                  <a:gd name="connsiteX107" fmla="*/ 1737558 w 2639113"/>
                  <a:gd name="connsiteY107" fmla="*/ 94393 h 2153269"/>
                  <a:gd name="connsiteX108" fmla="*/ 1716627 w 2639113"/>
                  <a:gd name="connsiteY108" fmla="*/ 112967 h 2153269"/>
                  <a:gd name="connsiteX109" fmla="*/ 1587140 w 2639113"/>
                  <a:gd name="connsiteY109" fmla="*/ 223171 h 2153269"/>
                  <a:gd name="connsiteX110" fmla="*/ 1423784 w 2639113"/>
                  <a:gd name="connsiteY110" fmla="*/ 341757 h 2153269"/>
                  <a:gd name="connsiteX111" fmla="*/ 1403233 w 2639113"/>
                  <a:gd name="connsiteY111" fmla="*/ 357664 h 2153269"/>
                  <a:gd name="connsiteX112" fmla="*/ 1386298 w 2639113"/>
                  <a:gd name="connsiteY112" fmla="*/ 371570 h 2153269"/>
                  <a:gd name="connsiteX113" fmla="*/ 1340345 w 2639113"/>
                  <a:gd name="connsiteY113" fmla="*/ 415004 h 2153269"/>
                  <a:gd name="connsiteX114" fmla="*/ 1337586 w 2639113"/>
                  <a:gd name="connsiteY114" fmla="*/ 417862 h 2153269"/>
                  <a:gd name="connsiteX115" fmla="*/ 1260331 w 2639113"/>
                  <a:gd name="connsiteY115" fmla="*/ 543306 h 2153269"/>
                  <a:gd name="connsiteX116" fmla="*/ 1073950 w 2639113"/>
                  <a:gd name="connsiteY116" fmla="*/ 345662 h 2153269"/>
                  <a:gd name="connsiteX117" fmla="*/ 1106679 w 2639113"/>
                  <a:gd name="connsiteY117" fmla="*/ 315659 h 2153269"/>
                  <a:gd name="connsiteX118" fmla="*/ 1188215 w 2639113"/>
                  <a:gd name="connsiteY118" fmla="*/ 219647 h 2153269"/>
                  <a:gd name="connsiteX119" fmla="*/ 1224083 w 2639113"/>
                  <a:gd name="connsiteY119" fmla="*/ 125539 h 2153269"/>
                  <a:gd name="connsiteX120" fmla="*/ 1222370 w 2639113"/>
                  <a:gd name="connsiteY120" fmla="*/ 88106 h 2153269"/>
                  <a:gd name="connsiteX121" fmla="*/ 1221895 w 2639113"/>
                  <a:gd name="connsiteY121" fmla="*/ 84868 h 2153269"/>
                  <a:gd name="connsiteX122" fmla="*/ 1208670 w 2639113"/>
                  <a:gd name="connsiteY122" fmla="*/ 40291 h 2153269"/>
                  <a:gd name="connsiteX123" fmla="*/ 1204864 w 2639113"/>
                  <a:gd name="connsiteY123" fmla="*/ 41529 h 2153269"/>
                  <a:gd name="connsiteX124" fmla="*/ 1212285 w 2639113"/>
                  <a:gd name="connsiteY124" fmla="*/ 80677 h 2153269"/>
                  <a:gd name="connsiteX125" fmla="*/ 1212761 w 2639113"/>
                  <a:gd name="connsiteY125" fmla="*/ 88487 h 2153269"/>
                  <a:gd name="connsiteX126" fmla="*/ 1211429 w 2639113"/>
                  <a:gd name="connsiteY126" fmla="*/ 119920 h 2153269"/>
                  <a:gd name="connsiteX127" fmla="*/ 1210287 w 2639113"/>
                  <a:gd name="connsiteY127" fmla="*/ 127063 h 2153269"/>
                  <a:gd name="connsiteX128" fmla="*/ 1202105 w 2639113"/>
                  <a:gd name="connsiteY128" fmla="*/ 156591 h 2153269"/>
                  <a:gd name="connsiteX129" fmla="*/ 1199441 w 2639113"/>
                  <a:gd name="connsiteY129" fmla="*/ 163259 h 2153269"/>
                  <a:gd name="connsiteX130" fmla="*/ 1185551 w 2639113"/>
                  <a:gd name="connsiteY130" fmla="*/ 190405 h 2153269"/>
                  <a:gd name="connsiteX131" fmla="*/ 1181650 w 2639113"/>
                  <a:gd name="connsiteY131" fmla="*/ 196596 h 2153269"/>
                  <a:gd name="connsiteX132" fmla="*/ 1163193 w 2639113"/>
                  <a:gd name="connsiteY132" fmla="*/ 221837 h 2153269"/>
                  <a:gd name="connsiteX133" fmla="*/ 1158340 w 2639113"/>
                  <a:gd name="connsiteY133" fmla="*/ 227648 h 2153269"/>
                  <a:gd name="connsiteX134" fmla="*/ 1136363 w 2639113"/>
                  <a:gd name="connsiteY134" fmla="*/ 252031 h 2153269"/>
                  <a:gd name="connsiteX135" fmla="*/ 1130940 w 2639113"/>
                  <a:gd name="connsiteY135" fmla="*/ 257651 h 2153269"/>
                  <a:gd name="connsiteX136" fmla="*/ 1109153 w 2639113"/>
                  <a:gd name="connsiteY136" fmla="*/ 279749 h 2153269"/>
                  <a:gd name="connsiteX137" fmla="*/ 1107155 w 2639113"/>
                  <a:gd name="connsiteY137" fmla="*/ 281654 h 2153269"/>
                  <a:gd name="connsiteX138" fmla="*/ 1101446 w 2639113"/>
                  <a:gd name="connsiteY138" fmla="*/ 287179 h 2153269"/>
                  <a:gd name="connsiteX139" fmla="*/ 1057301 w 2639113"/>
                  <a:gd name="connsiteY139" fmla="*/ 324326 h 2153269"/>
                  <a:gd name="connsiteX140" fmla="*/ 1054637 w 2639113"/>
                  <a:gd name="connsiteY140" fmla="*/ 320516 h 2153269"/>
                  <a:gd name="connsiteX141" fmla="*/ 994127 w 2639113"/>
                  <a:gd name="connsiteY141" fmla="*/ 207645 h 2153269"/>
                  <a:gd name="connsiteX142" fmla="*/ 991273 w 2639113"/>
                  <a:gd name="connsiteY142" fmla="*/ 198977 h 2153269"/>
                  <a:gd name="connsiteX143" fmla="*/ 982710 w 2639113"/>
                  <a:gd name="connsiteY143" fmla="*/ 163259 h 2153269"/>
                  <a:gd name="connsiteX144" fmla="*/ 981473 w 2639113"/>
                  <a:gd name="connsiteY144" fmla="*/ 155162 h 2153269"/>
                  <a:gd name="connsiteX145" fmla="*/ 979761 w 2639113"/>
                  <a:gd name="connsiteY145" fmla="*/ 123158 h 2153269"/>
                  <a:gd name="connsiteX146" fmla="*/ 980046 w 2639113"/>
                  <a:gd name="connsiteY146" fmla="*/ 115634 h 2153269"/>
                  <a:gd name="connsiteX147" fmla="*/ 984423 w 2639113"/>
                  <a:gd name="connsiteY147" fmla="*/ 84582 h 2153269"/>
                  <a:gd name="connsiteX148" fmla="*/ 986231 w 2639113"/>
                  <a:gd name="connsiteY148" fmla="*/ 77629 h 2153269"/>
                  <a:gd name="connsiteX149" fmla="*/ 989941 w 2639113"/>
                  <a:gd name="connsiteY149" fmla="*/ 64579 h 2153269"/>
                  <a:gd name="connsiteX150" fmla="*/ 996125 w 2639113"/>
                  <a:gd name="connsiteY150" fmla="*/ 48958 h 2153269"/>
                  <a:gd name="connsiteX151" fmla="*/ 999265 w 2639113"/>
                  <a:gd name="connsiteY151" fmla="*/ 42482 h 2153269"/>
                  <a:gd name="connsiteX152" fmla="*/ 1018674 w 2639113"/>
                  <a:gd name="connsiteY152" fmla="*/ 17145 h 2153269"/>
                  <a:gd name="connsiteX153" fmla="*/ 1025143 w 2639113"/>
                  <a:gd name="connsiteY153" fmla="*/ 12192 h 2153269"/>
                  <a:gd name="connsiteX154" fmla="*/ 1047121 w 2639113"/>
                  <a:gd name="connsiteY154" fmla="*/ 2286 h 2153269"/>
                  <a:gd name="connsiteX155" fmla="*/ 1040175 w 2639113"/>
                  <a:gd name="connsiteY155" fmla="*/ 0 h 2153269"/>
                  <a:gd name="connsiteX156" fmla="*/ 973291 w 2639113"/>
                  <a:gd name="connsiteY156" fmla="*/ 68199 h 2153269"/>
                  <a:gd name="connsiteX157" fmla="*/ 963968 w 2639113"/>
                  <a:gd name="connsiteY157" fmla="*/ 174403 h 2153269"/>
                  <a:gd name="connsiteX158" fmla="*/ 1140549 w 2639113"/>
                  <a:gd name="connsiteY158" fmla="*/ 449675 h 2153269"/>
                  <a:gd name="connsiteX159" fmla="*/ 1245775 w 2639113"/>
                  <a:gd name="connsiteY159" fmla="*/ 591026 h 2153269"/>
                  <a:gd name="connsiteX160" fmla="*/ 1236356 w 2639113"/>
                  <a:gd name="connsiteY160" fmla="*/ 633984 h 2153269"/>
                  <a:gd name="connsiteX161" fmla="*/ 1200964 w 2639113"/>
                  <a:gd name="connsiteY161" fmla="*/ 873347 h 2153269"/>
                  <a:gd name="connsiteX162" fmla="*/ 1071667 w 2639113"/>
                  <a:gd name="connsiteY162" fmla="*/ 1232535 h 2153269"/>
                  <a:gd name="connsiteX163" fmla="*/ 1042839 w 2639113"/>
                  <a:gd name="connsiteY163" fmla="*/ 1135285 h 2153269"/>
                  <a:gd name="connsiteX164" fmla="*/ 969200 w 2639113"/>
                  <a:gd name="connsiteY164" fmla="*/ 901065 h 2153269"/>
                  <a:gd name="connsiteX165" fmla="*/ 815833 w 2639113"/>
                  <a:gd name="connsiteY165" fmla="*/ 750570 h 2153269"/>
                  <a:gd name="connsiteX166" fmla="*/ 742004 w 2639113"/>
                  <a:gd name="connsiteY166" fmla="*/ 722281 h 2153269"/>
                  <a:gd name="connsiteX167" fmla="*/ 730777 w 2639113"/>
                  <a:gd name="connsiteY167" fmla="*/ 718757 h 2153269"/>
                  <a:gd name="connsiteX168" fmla="*/ 694433 w 2639113"/>
                  <a:gd name="connsiteY168" fmla="*/ 708660 h 2153269"/>
                  <a:gd name="connsiteX169" fmla="*/ 689772 w 2639113"/>
                  <a:gd name="connsiteY169" fmla="*/ 707422 h 2153269"/>
                  <a:gd name="connsiteX170" fmla="*/ 643818 w 2639113"/>
                  <a:gd name="connsiteY170" fmla="*/ 695992 h 2153269"/>
                  <a:gd name="connsiteX171" fmla="*/ 646768 w 2639113"/>
                  <a:gd name="connsiteY171" fmla="*/ 652843 h 2153269"/>
                  <a:gd name="connsiteX172" fmla="*/ 646673 w 2639113"/>
                  <a:gd name="connsiteY172" fmla="*/ 579120 h 2153269"/>
                  <a:gd name="connsiteX173" fmla="*/ 646673 w 2639113"/>
                  <a:gd name="connsiteY173" fmla="*/ 578834 h 2153269"/>
                  <a:gd name="connsiteX174" fmla="*/ 639823 w 2639113"/>
                  <a:gd name="connsiteY174" fmla="*/ 527018 h 2153269"/>
                  <a:gd name="connsiteX175" fmla="*/ 620223 w 2639113"/>
                  <a:gd name="connsiteY175" fmla="*/ 466154 h 2153269"/>
                  <a:gd name="connsiteX176" fmla="*/ 618226 w 2639113"/>
                  <a:gd name="connsiteY176" fmla="*/ 462248 h 2153269"/>
                  <a:gd name="connsiteX177" fmla="*/ 601100 w 2639113"/>
                  <a:gd name="connsiteY177" fmla="*/ 434150 h 2153269"/>
                  <a:gd name="connsiteX178" fmla="*/ 531267 w 2639113"/>
                  <a:gd name="connsiteY178" fmla="*/ 383000 h 2153269"/>
                  <a:gd name="connsiteX179" fmla="*/ 529364 w 2639113"/>
                  <a:gd name="connsiteY179" fmla="*/ 386525 h 2153269"/>
                  <a:gd name="connsiteX180" fmla="*/ 560094 w 2639113"/>
                  <a:gd name="connsiteY180" fmla="*/ 408432 h 2153269"/>
                  <a:gd name="connsiteX181" fmla="*/ 565422 w 2639113"/>
                  <a:gd name="connsiteY181" fmla="*/ 413195 h 2153269"/>
                  <a:gd name="connsiteX182" fmla="*/ 585973 w 2639113"/>
                  <a:gd name="connsiteY182" fmla="*/ 435864 h 2153269"/>
                  <a:gd name="connsiteX183" fmla="*/ 590064 w 2639113"/>
                  <a:gd name="connsiteY183" fmla="*/ 441770 h 2153269"/>
                  <a:gd name="connsiteX184" fmla="*/ 605001 w 2639113"/>
                  <a:gd name="connsiteY184" fmla="*/ 468249 h 2153269"/>
                  <a:gd name="connsiteX185" fmla="*/ 607950 w 2639113"/>
                  <a:gd name="connsiteY185" fmla="*/ 474821 h 2153269"/>
                  <a:gd name="connsiteX186" fmla="*/ 617274 w 2639113"/>
                  <a:gd name="connsiteY186" fmla="*/ 504539 h 2153269"/>
                  <a:gd name="connsiteX187" fmla="*/ 619082 w 2639113"/>
                  <a:gd name="connsiteY187" fmla="*/ 511778 h 2153269"/>
                  <a:gd name="connsiteX188" fmla="*/ 623553 w 2639113"/>
                  <a:gd name="connsiteY188" fmla="*/ 543687 h 2153269"/>
                  <a:gd name="connsiteX189" fmla="*/ 624124 w 2639113"/>
                  <a:gd name="connsiteY189" fmla="*/ 551593 h 2153269"/>
                  <a:gd name="connsiteX190" fmla="*/ 624981 w 2639113"/>
                  <a:gd name="connsiteY190" fmla="*/ 585883 h 2153269"/>
                  <a:gd name="connsiteX191" fmla="*/ 624885 w 2639113"/>
                  <a:gd name="connsiteY191" fmla="*/ 594170 h 2153269"/>
                  <a:gd name="connsiteX192" fmla="*/ 624029 w 2639113"/>
                  <a:gd name="connsiteY192" fmla="*/ 625221 h 2153269"/>
                  <a:gd name="connsiteX193" fmla="*/ 623839 w 2639113"/>
                  <a:gd name="connsiteY193" fmla="*/ 629317 h 2153269"/>
                  <a:gd name="connsiteX194" fmla="*/ 623363 w 2639113"/>
                  <a:gd name="connsiteY194" fmla="*/ 637889 h 2153269"/>
                  <a:gd name="connsiteX195" fmla="*/ 617655 w 2639113"/>
                  <a:gd name="connsiteY195" fmla="*/ 689896 h 2153269"/>
                  <a:gd name="connsiteX196" fmla="*/ 512809 w 2639113"/>
                  <a:gd name="connsiteY196" fmla="*/ 657987 h 2153269"/>
                  <a:gd name="connsiteX197" fmla="*/ 504247 w 2639113"/>
                  <a:gd name="connsiteY197" fmla="*/ 654653 h 2153269"/>
                  <a:gd name="connsiteX198" fmla="*/ 469425 w 2639113"/>
                  <a:gd name="connsiteY198" fmla="*/ 639699 h 2153269"/>
                  <a:gd name="connsiteX199" fmla="*/ 461528 w 2639113"/>
                  <a:gd name="connsiteY199" fmla="*/ 635984 h 2153269"/>
                  <a:gd name="connsiteX200" fmla="*/ 459721 w 2639113"/>
                  <a:gd name="connsiteY200" fmla="*/ 635127 h 2153269"/>
                  <a:gd name="connsiteX201" fmla="*/ 432796 w 2639113"/>
                  <a:gd name="connsiteY201" fmla="*/ 617887 h 2153269"/>
                  <a:gd name="connsiteX202" fmla="*/ 426992 w 2639113"/>
                  <a:gd name="connsiteY202" fmla="*/ 613029 h 2153269"/>
                  <a:gd name="connsiteX203" fmla="*/ 404825 w 2639113"/>
                  <a:gd name="connsiteY203" fmla="*/ 590645 h 2153269"/>
                  <a:gd name="connsiteX204" fmla="*/ 400258 w 2639113"/>
                  <a:gd name="connsiteY204" fmla="*/ 585026 h 2153269"/>
                  <a:gd name="connsiteX205" fmla="*/ 383132 w 2639113"/>
                  <a:gd name="connsiteY205" fmla="*/ 559880 h 2153269"/>
                  <a:gd name="connsiteX206" fmla="*/ 379802 w 2639113"/>
                  <a:gd name="connsiteY206" fmla="*/ 553593 h 2153269"/>
                  <a:gd name="connsiteX207" fmla="*/ 366958 w 2639113"/>
                  <a:gd name="connsiteY207" fmla="*/ 526542 h 2153269"/>
                  <a:gd name="connsiteX208" fmla="*/ 364390 w 2639113"/>
                  <a:gd name="connsiteY208" fmla="*/ 519779 h 2153269"/>
                  <a:gd name="connsiteX209" fmla="*/ 352307 w 2639113"/>
                  <a:gd name="connsiteY209" fmla="*/ 466058 h 2153269"/>
                  <a:gd name="connsiteX210" fmla="*/ 346598 w 2639113"/>
                  <a:gd name="connsiteY210" fmla="*/ 468916 h 2153269"/>
                  <a:gd name="connsiteX211" fmla="*/ 445735 w 2639113"/>
                  <a:gd name="connsiteY211" fmla="*/ 651320 h 2153269"/>
                  <a:gd name="connsiteX212" fmla="*/ 445735 w 2639113"/>
                  <a:gd name="connsiteY212" fmla="*/ 651320 h 2153269"/>
                  <a:gd name="connsiteX213" fmla="*/ 524226 w 2639113"/>
                  <a:gd name="connsiteY213" fmla="*/ 688181 h 2153269"/>
                  <a:gd name="connsiteX214" fmla="*/ 750376 w 2639113"/>
                  <a:gd name="connsiteY214" fmla="*/ 758571 h 2153269"/>
                  <a:gd name="connsiteX215" fmla="*/ 889567 w 2639113"/>
                  <a:gd name="connsiteY215" fmla="*/ 852583 h 2153269"/>
                  <a:gd name="connsiteX216" fmla="*/ 894039 w 2639113"/>
                  <a:gd name="connsiteY216" fmla="*/ 858203 h 2153269"/>
                  <a:gd name="connsiteX217" fmla="*/ 911164 w 2639113"/>
                  <a:gd name="connsiteY217" fmla="*/ 882587 h 2153269"/>
                  <a:gd name="connsiteX218" fmla="*/ 914875 w 2639113"/>
                  <a:gd name="connsiteY218" fmla="*/ 888683 h 2153269"/>
                  <a:gd name="connsiteX219" fmla="*/ 929051 w 2639113"/>
                  <a:gd name="connsiteY219" fmla="*/ 915924 h 2153269"/>
                  <a:gd name="connsiteX220" fmla="*/ 930478 w 2639113"/>
                  <a:gd name="connsiteY220" fmla="*/ 918972 h 2153269"/>
                  <a:gd name="connsiteX221" fmla="*/ 931905 w 2639113"/>
                  <a:gd name="connsiteY221" fmla="*/ 922592 h 2153269"/>
                  <a:gd name="connsiteX222" fmla="*/ 942941 w 2639113"/>
                  <a:gd name="connsiteY222" fmla="*/ 952024 h 2153269"/>
                  <a:gd name="connsiteX223" fmla="*/ 945415 w 2639113"/>
                  <a:gd name="connsiteY223" fmla="*/ 959072 h 2153269"/>
                  <a:gd name="connsiteX224" fmla="*/ 972055 w 2639113"/>
                  <a:gd name="connsiteY224" fmla="*/ 1047464 h 2153269"/>
                  <a:gd name="connsiteX225" fmla="*/ 950838 w 2639113"/>
                  <a:gd name="connsiteY225" fmla="*/ 1044607 h 2153269"/>
                  <a:gd name="connsiteX226" fmla="*/ 945415 w 2639113"/>
                  <a:gd name="connsiteY226" fmla="*/ 1043750 h 2153269"/>
                  <a:gd name="connsiteX227" fmla="*/ 923533 w 2639113"/>
                  <a:gd name="connsiteY227" fmla="*/ 1040320 h 2153269"/>
                  <a:gd name="connsiteX228" fmla="*/ 899652 w 2639113"/>
                  <a:gd name="connsiteY228" fmla="*/ 1035653 h 2153269"/>
                  <a:gd name="connsiteX229" fmla="*/ 890328 w 2639113"/>
                  <a:gd name="connsiteY229" fmla="*/ 1033463 h 2153269"/>
                  <a:gd name="connsiteX230" fmla="*/ 854460 w 2639113"/>
                  <a:gd name="connsiteY230" fmla="*/ 1022223 h 2153269"/>
                  <a:gd name="connsiteX231" fmla="*/ 846564 w 2639113"/>
                  <a:gd name="connsiteY231" fmla="*/ 1018985 h 2153269"/>
                  <a:gd name="connsiteX232" fmla="*/ 816023 w 2639113"/>
                  <a:gd name="connsiteY232" fmla="*/ 1003078 h 2153269"/>
                  <a:gd name="connsiteX233" fmla="*/ 809554 w 2639113"/>
                  <a:gd name="connsiteY233" fmla="*/ 998887 h 2153269"/>
                  <a:gd name="connsiteX234" fmla="*/ 785103 w 2639113"/>
                  <a:gd name="connsiteY234" fmla="*/ 978789 h 2153269"/>
                  <a:gd name="connsiteX235" fmla="*/ 780060 w 2639113"/>
                  <a:gd name="connsiteY235" fmla="*/ 973645 h 2153269"/>
                  <a:gd name="connsiteX236" fmla="*/ 761508 w 2639113"/>
                  <a:gd name="connsiteY236" fmla="*/ 950119 h 2153269"/>
                  <a:gd name="connsiteX237" fmla="*/ 757702 w 2639113"/>
                  <a:gd name="connsiteY237" fmla="*/ 944023 h 2153269"/>
                  <a:gd name="connsiteX238" fmla="*/ 738198 w 2639113"/>
                  <a:gd name="connsiteY238" fmla="*/ 901351 h 2153269"/>
                  <a:gd name="connsiteX239" fmla="*/ 734393 w 2639113"/>
                  <a:gd name="connsiteY239" fmla="*/ 902494 h 2153269"/>
                  <a:gd name="connsiteX240" fmla="*/ 769500 w 2639113"/>
                  <a:gd name="connsiteY240" fmla="*/ 981742 h 2153269"/>
                  <a:gd name="connsiteX241" fmla="*/ 851987 w 2639113"/>
                  <a:gd name="connsiteY241" fmla="*/ 1039463 h 2153269"/>
                  <a:gd name="connsiteX242" fmla="*/ 858932 w 2639113"/>
                  <a:gd name="connsiteY242" fmla="*/ 1042321 h 2153269"/>
                  <a:gd name="connsiteX243" fmla="*/ 874155 w 2639113"/>
                  <a:gd name="connsiteY243" fmla="*/ 1048322 h 2153269"/>
                  <a:gd name="connsiteX244" fmla="*/ 937328 w 2639113"/>
                  <a:gd name="connsiteY244" fmla="*/ 1066133 h 2153269"/>
                  <a:gd name="connsiteX245" fmla="*/ 941609 w 2639113"/>
                  <a:gd name="connsiteY245" fmla="*/ 1067086 h 2153269"/>
                  <a:gd name="connsiteX246" fmla="*/ 973291 w 2639113"/>
                  <a:gd name="connsiteY246" fmla="*/ 1073087 h 2153269"/>
                  <a:gd name="connsiteX247" fmla="*/ 979285 w 2639113"/>
                  <a:gd name="connsiteY247" fmla="*/ 1074134 h 2153269"/>
                  <a:gd name="connsiteX248" fmla="*/ 1010396 w 2639113"/>
                  <a:gd name="connsiteY248" fmla="*/ 1200055 h 2153269"/>
                  <a:gd name="connsiteX249" fmla="*/ 1129037 w 2639113"/>
                  <a:gd name="connsiteY249" fmla="*/ 1564577 h 2153269"/>
                  <a:gd name="connsiteX250" fmla="*/ 1111817 w 2639113"/>
                  <a:gd name="connsiteY250" fmla="*/ 1575911 h 2153269"/>
                  <a:gd name="connsiteX251" fmla="*/ 744573 w 2639113"/>
                  <a:gd name="connsiteY251" fmla="*/ 1981105 h 2153269"/>
                  <a:gd name="connsiteX252" fmla="*/ 601481 w 2639113"/>
                  <a:gd name="connsiteY252" fmla="*/ 1900428 h 2153269"/>
                  <a:gd name="connsiteX253" fmla="*/ 308447 w 2639113"/>
                  <a:gd name="connsiteY253" fmla="*/ 1640681 h 2153269"/>
                  <a:gd name="connsiteX254" fmla="*/ 103228 w 2639113"/>
                  <a:gd name="connsiteY254" fmla="*/ 1304639 h 2153269"/>
                  <a:gd name="connsiteX255" fmla="*/ 5804 w 2639113"/>
                  <a:gd name="connsiteY255" fmla="*/ 913924 h 2153269"/>
                  <a:gd name="connsiteX256" fmla="*/ 476 w 2639113"/>
                  <a:gd name="connsiteY256" fmla="*/ 810578 h 2153269"/>
                  <a:gd name="connsiteX257" fmla="*/ 0 w 2639113"/>
                  <a:gd name="connsiteY257" fmla="*/ 817626 h 2153269"/>
                  <a:gd name="connsiteX258" fmla="*/ 60224 w 2639113"/>
                  <a:gd name="connsiteY258" fmla="*/ 1227296 h 2153269"/>
                  <a:gd name="connsiteX259" fmla="*/ 237852 w 2639113"/>
                  <a:gd name="connsiteY259" fmla="*/ 1588770 h 2153269"/>
                  <a:gd name="connsiteX260" fmla="*/ 511097 w 2639113"/>
                  <a:gd name="connsiteY260" fmla="*/ 1876235 h 2153269"/>
                  <a:gd name="connsiteX261" fmla="*/ 861596 w 2639113"/>
                  <a:gd name="connsiteY261" fmla="*/ 2071497 h 2153269"/>
                  <a:gd name="connsiteX262" fmla="*/ 1267562 w 2639113"/>
                  <a:gd name="connsiteY262" fmla="*/ 2152269 h 2153269"/>
                  <a:gd name="connsiteX263" fmla="*/ 1683423 w 2639113"/>
                  <a:gd name="connsiteY263" fmla="*/ 2102453 h 2153269"/>
                  <a:gd name="connsiteX264" fmla="*/ 2047908 w 2639113"/>
                  <a:gd name="connsiteY264" fmla="*/ 1934051 h 2153269"/>
                  <a:gd name="connsiteX265" fmla="*/ 2342940 w 2639113"/>
                  <a:gd name="connsiteY265" fmla="*/ 1666304 h 2153269"/>
                  <a:gd name="connsiteX266" fmla="*/ 2545970 w 2639113"/>
                  <a:gd name="connsiteY266" fmla="*/ 1320546 h 2153269"/>
                  <a:gd name="connsiteX267" fmla="*/ 2636069 w 2639113"/>
                  <a:gd name="connsiteY267" fmla="*/ 920591 h 2153269"/>
                  <a:gd name="connsiteX268" fmla="*/ 2639113 w 2639113"/>
                  <a:gd name="connsiteY268" fmla="*/ 817626 h 2153269"/>
                  <a:gd name="connsiteX269" fmla="*/ 2638733 w 2639113"/>
                  <a:gd name="connsiteY269" fmla="*/ 808292 h 21532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Lst>
                <a:rect l="l" t="t" r="r" b="b"/>
                <a:pathLst>
                  <a:path w="2639113" h="2153269">
                    <a:moveTo>
                      <a:pt x="2638923" y="807911"/>
                    </a:moveTo>
                    <a:cubicBezTo>
                      <a:pt x="2638542" y="945261"/>
                      <a:pt x="2614186" y="1083564"/>
                      <a:pt x="2570422" y="1213580"/>
                    </a:cubicBezTo>
                    <a:cubicBezTo>
                      <a:pt x="2528274" y="1339025"/>
                      <a:pt x="2466908" y="1457897"/>
                      <a:pt x="2389464" y="1565053"/>
                    </a:cubicBezTo>
                    <a:cubicBezTo>
                      <a:pt x="2312685" y="1671257"/>
                      <a:pt x="2220208" y="1765935"/>
                      <a:pt x="2115934" y="1845088"/>
                    </a:cubicBezTo>
                    <a:cubicBezTo>
                      <a:pt x="2010708" y="1924907"/>
                      <a:pt x="1893589" y="1988820"/>
                      <a:pt x="1769526" y="2033873"/>
                    </a:cubicBezTo>
                    <a:cubicBezTo>
                      <a:pt x="1641942" y="2080165"/>
                      <a:pt x="1507317" y="2106359"/>
                      <a:pt x="1371837" y="2111597"/>
                    </a:cubicBezTo>
                    <a:cubicBezTo>
                      <a:pt x="1290872" y="2114741"/>
                      <a:pt x="1209717" y="2110264"/>
                      <a:pt x="1129608" y="2098739"/>
                    </a:cubicBezTo>
                    <a:cubicBezTo>
                      <a:pt x="1119618" y="2069973"/>
                      <a:pt x="1116193" y="2025682"/>
                      <a:pt x="1110580" y="1974723"/>
                    </a:cubicBezTo>
                    <a:cubicBezTo>
                      <a:pt x="1098687" y="1867091"/>
                      <a:pt x="1117810" y="1764697"/>
                      <a:pt x="1277267" y="1615440"/>
                    </a:cubicBezTo>
                    <a:cubicBezTo>
                      <a:pt x="1410274" y="1490948"/>
                      <a:pt x="1766481" y="1325404"/>
                      <a:pt x="1887881" y="1253300"/>
                    </a:cubicBezTo>
                    <a:cubicBezTo>
                      <a:pt x="1917565" y="1235678"/>
                      <a:pt x="1942682" y="1218152"/>
                      <a:pt x="1964755" y="1200436"/>
                    </a:cubicBezTo>
                    <a:cubicBezTo>
                      <a:pt x="1966562" y="1199007"/>
                      <a:pt x="1968370" y="1197578"/>
                      <a:pt x="1970083" y="1196054"/>
                    </a:cubicBezTo>
                    <a:cubicBezTo>
                      <a:pt x="1982356" y="1185863"/>
                      <a:pt x="1993677" y="1175480"/>
                      <a:pt x="2004333" y="1164908"/>
                    </a:cubicBezTo>
                    <a:cubicBezTo>
                      <a:pt x="2006046" y="1163193"/>
                      <a:pt x="2007758" y="1161574"/>
                      <a:pt x="2009376" y="1159859"/>
                    </a:cubicBezTo>
                    <a:cubicBezTo>
                      <a:pt x="2028214" y="1140524"/>
                      <a:pt x="2044768" y="1120331"/>
                      <a:pt x="2060657" y="1098709"/>
                    </a:cubicBezTo>
                    <a:cubicBezTo>
                      <a:pt x="2079114" y="1073849"/>
                      <a:pt x="2095193" y="1047274"/>
                      <a:pt x="2110796" y="1020318"/>
                    </a:cubicBezTo>
                    <a:cubicBezTo>
                      <a:pt x="2111557" y="1019080"/>
                      <a:pt x="2112223" y="1017842"/>
                      <a:pt x="2112984" y="1016603"/>
                    </a:cubicBezTo>
                    <a:cubicBezTo>
                      <a:pt x="2131727" y="984123"/>
                      <a:pt x="2149994" y="951262"/>
                      <a:pt x="2171020" y="920401"/>
                    </a:cubicBezTo>
                    <a:cubicBezTo>
                      <a:pt x="2247989" y="805625"/>
                      <a:pt x="2349885" y="705612"/>
                      <a:pt x="2475566" y="645700"/>
                    </a:cubicBezTo>
                    <a:cubicBezTo>
                      <a:pt x="2343891" y="695039"/>
                      <a:pt x="2233718" y="793528"/>
                      <a:pt x="2151516" y="906685"/>
                    </a:cubicBezTo>
                    <a:cubicBezTo>
                      <a:pt x="2131441" y="933926"/>
                      <a:pt x="2111557" y="965168"/>
                      <a:pt x="2090531" y="996220"/>
                    </a:cubicBezTo>
                    <a:cubicBezTo>
                      <a:pt x="2089199" y="998220"/>
                      <a:pt x="2087867" y="1000125"/>
                      <a:pt x="2086440" y="1002125"/>
                    </a:cubicBezTo>
                    <a:cubicBezTo>
                      <a:pt x="2080731" y="1010412"/>
                      <a:pt x="2075023" y="1018699"/>
                      <a:pt x="2069124" y="1026890"/>
                    </a:cubicBezTo>
                    <a:cubicBezTo>
                      <a:pt x="2067697" y="1028795"/>
                      <a:pt x="2066270" y="1030700"/>
                      <a:pt x="2064938" y="1032701"/>
                    </a:cubicBezTo>
                    <a:cubicBezTo>
                      <a:pt x="2058944" y="1040892"/>
                      <a:pt x="2052855" y="1048988"/>
                      <a:pt x="2046576" y="1056894"/>
                    </a:cubicBezTo>
                    <a:cubicBezTo>
                      <a:pt x="2045054" y="1058799"/>
                      <a:pt x="2043531" y="1060609"/>
                      <a:pt x="2042009" y="1062419"/>
                    </a:cubicBezTo>
                    <a:cubicBezTo>
                      <a:pt x="2035540" y="1070324"/>
                      <a:pt x="2029070" y="1077944"/>
                      <a:pt x="2022220" y="1085279"/>
                    </a:cubicBezTo>
                    <a:cubicBezTo>
                      <a:pt x="2020602" y="1086993"/>
                      <a:pt x="2018890" y="1088708"/>
                      <a:pt x="2017177" y="1090422"/>
                    </a:cubicBezTo>
                    <a:cubicBezTo>
                      <a:pt x="2009947" y="1097947"/>
                      <a:pt x="2002526" y="1104995"/>
                      <a:pt x="1994914" y="1111568"/>
                    </a:cubicBezTo>
                    <a:cubicBezTo>
                      <a:pt x="1993107" y="1113187"/>
                      <a:pt x="1991204" y="1114616"/>
                      <a:pt x="1989301" y="1116140"/>
                    </a:cubicBezTo>
                    <a:cubicBezTo>
                      <a:pt x="1982926" y="1121378"/>
                      <a:pt x="1976362" y="1126331"/>
                      <a:pt x="1969607" y="1130808"/>
                    </a:cubicBezTo>
                    <a:cubicBezTo>
                      <a:pt x="1954194" y="1141000"/>
                      <a:pt x="1939352" y="1150430"/>
                      <a:pt x="1924700" y="1159288"/>
                    </a:cubicBezTo>
                    <a:cubicBezTo>
                      <a:pt x="1922417" y="1146905"/>
                      <a:pt x="1920039" y="1132808"/>
                      <a:pt x="1918897" y="1120997"/>
                    </a:cubicBezTo>
                    <a:cubicBezTo>
                      <a:pt x="1915091" y="1082326"/>
                      <a:pt x="1911666" y="1043083"/>
                      <a:pt x="1917089" y="1005650"/>
                    </a:cubicBezTo>
                    <a:cubicBezTo>
                      <a:pt x="1917470" y="1002887"/>
                      <a:pt x="1917945" y="1000030"/>
                      <a:pt x="1918421" y="997268"/>
                    </a:cubicBezTo>
                    <a:cubicBezTo>
                      <a:pt x="1920419" y="986409"/>
                      <a:pt x="1923273" y="975741"/>
                      <a:pt x="1927079" y="965359"/>
                    </a:cubicBezTo>
                    <a:cubicBezTo>
                      <a:pt x="1927935" y="962978"/>
                      <a:pt x="1928887" y="960692"/>
                      <a:pt x="1929838" y="958406"/>
                    </a:cubicBezTo>
                    <a:cubicBezTo>
                      <a:pt x="1933739" y="949166"/>
                      <a:pt x="1938496" y="940118"/>
                      <a:pt x="1944299" y="931259"/>
                    </a:cubicBezTo>
                    <a:cubicBezTo>
                      <a:pt x="1945631" y="929259"/>
                      <a:pt x="1946963" y="927259"/>
                      <a:pt x="1948390" y="925354"/>
                    </a:cubicBezTo>
                    <a:cubicBezTo>
                      <a:pt x="1954099" y="917353"/>
                      <a:pt x="1960664" y="909638"/>
                      <a:pt x="1968275" y="902113"/>
                    </a:cubicBezTo>
                    <a:cubicBezTo>
                      <a:pt x="1969987" y="900493"/>
                      <a:pt x="1971700" y="898779"/>
                      <a:pt x="1973508" y="897160"/>
                    </a:cubicBezTo>
                    <a:cubicBezTo>
                      <a:pt x="1982070" y="889254"/>
                      <a:pt x="1991775" y="881634"/>
                      <a:pt x="2002906" y="874395"/>
                    </a:cubicBezTo>
                    <a:lnTo>
                      <a:pt x="2000813" y="870966"/>
                    </a:lnTo>
                    <a:cubicBezTo>
                      <a:pt x="1976647" y="881634"/>
                      <a:pt x="1951245" y="899636"/>
                      <a:pt x="1933453" y="925449"/>
                    </a:cubicBezTo>
                    <a:cubicBezTo>
                      <a:pt x="1915281" y="951167"/>
                      <a:pt x="1901962" y="983456"/>
                      <a:pt x="1898251" y="1019366"/>
                    </a:cubicBezTo>
                    <a:cubicBezTo>
                      <a:pt x="1893209" y="1068134"/>
                      <a:pt x="1894160" y="1107377"/>
                      <a:pt x="1898251" y="1146143"/>
                    </a:cubicBezTo>
                    <a:cubicBezTo>
                      <a:pt x="1899107" y="1154335"/>
                      <a:pt x="1900249" y="1164431"/>
                      <a:pt x="1901391" y="1173194"/>
                    </a:cubicBezTo>
                    <a:cubicBezTo>
                      <a:pt x="1824802" y="1217676"/>
                      <a:pt x="1751829" y="1249394"/>
                      <a:pt x="1640229" y="1297115"/>
                    </a:cubicBezTo>
                    <a:cubicBezTo>
                      <a:pt x="1620059" y="1305782"/>
                      <a:pt x="1588948" y="1318832"/>
                      <a:pt x="1549750" y="1336358"/>
                    </a:cubicBezTo>
                    <a:cubicBezTo>
                      <a:pt x="1491238" y="1235202"/>
                      <a:pt x="1474684" y="971455"/>
                      <a:pt x="1648887" y="869633"/>
                    </a:cubicBezTo>
                    <a:cubicBezTo>
                      <a:pt x="1734419" y="819817"/>
                      <a:pt x="1822900" y="745998"/>
                      <a:pt x="1852298" y="649034"/>
                    </a:cubicBezTo>
                    <a:cubicBezTo>
                      <a:pt x="1882268" y="553784"/>
                      <a:pt x="1869709" y="448151"/>
                      <a:pt x="1825659" y="360140"/>
                    </a:cubicBezTo>
                    <a:lnTo>
                      <a:pt x="1822900" y="361474"/>
                    </a:lnTo>
                    <a:cubicBezTo>
                      <a:pt x="1842403" y="422910"/>
                      <a:pt x="1851061" y="460534"/>
                      <a:pt x="1851061" y="518351"/>
                    </a:cubicBezTo>
                    <a:cubicBezTo>
                      <a:pt x="1851061" y="664178"/>
                      <a:pt x="1776471" y="765048"/>
                      <a:pt x="1655166" y="835628"/>
                    </a:cubicBezTo>
                    <a:cubicBezTo>
                      <a:pt x="1638992" y="812673"/>
                      <a:pt x="1607215" y="765620"/>
                      <a:pt x="1586379" y="724281"/>
                    </a:cubicBezTo>
                    <a:cubicBezTo>
                      <a:pt x="1593705" y="720471"/>
                      <a:pt x="1612258" y="710756"/>
                      <a:pt x="1624911" y="703231"/>
                    </a:cubicBezTo>
                    <a:cubicBezTo>
                      <a:pt x="1663539" y="680466"/>
                      <a:pt x="1694269" y="661130"/>
                      <a:pt x="1727093" y="629603"/>
                    </a:cubicBezTo>
                    <a:cubicBezTo>
                      <a:pt x="1749451" y="608457"/>
                      <a:pt x="1773997" y="576548"/>
                      <a:pt x="1784463" y="546830"/>
                    </a:cubicBezTo>
                    <a:cubicBezTo>
                      <a:pt x="1795214" y="517398"/>
                      <a:pt x="1794928" y="486347"/>
                      <a:pt x="1789886" y="460343"/>
                    </a:cubicBezTo>
                    <a:lnTo>
                      <a:pt x="1785890" y="460629"/>
                    </a:lnTo>
                    <a:cubicBezTo>
                      <a:pt x="1786461" y="476060"/>
                      <a:pt x="1785509" y="490347"/>
                      <a:pt x="1783321" y="503492"/>
                    </a:cubicBezTo>
                    <a:cubicBezTo>
                      <a:pt x="1782940" y="505968"/>
                      <a:pt x="1782274" y="508349"/>
                      <a:pt x="1781799" y="510730"/>
                    </a:cubicBezTo>
                    <a:cubicBezTo>
                      <a:pt x="1779706" y="521113"/>
                      <a:pt x="1776851" y="530924"/>
                      <a:pt x="1773236" y="539972"/>
                    </a:cubicBezTo>
                    <a:cubicBezTo>
                      <a:pt x="1772380" y="542258"/>
                      <a:pt x="1771333" y="544354"/>
                      <a:pt x="1770382" y="546545"/>
                    </a:cubicBezTo>
                    <a:cubicBezTo>
                      <a:pt x="1766100" y="555974"/>
                      <a:pt x="1761153" y="564833"/>
                      <a:pt x="1755540" y="573024"/>
                    </a:cubicBezTo>
                    <a:cubicBezTo>
                      <a:pt x="1754208" y="575024"/>
                      <a:pt x="1752781" y="577025"/>
                      <a:pt x="1751354" y="578930"/>
                    </a:cubicBezTo>
                    <a:cubicBezTo>
                      <a:pt x="1745074" y="587407"/>
                      <a:pt x="1738129" y="595217"/>
                      <a:pt x="1730708" y="602552"/>
                    </a:cubicBezTo>
                    <a:cubicBezTo>
                      <a:pt x="1728900" y="604361"/>
                      <a:pt x="1727093" y="606076"/>
                      <a:pt x="1725285" y="607790"/>
                    </a:cubicBezTo>
                    <a:cubicBezTo>
                      <a:pt x="1717293" y="615220"/>
                      <a:pt x="1708731" y="622078"/>
                      <a:pt x="1699978" y="628460"/>
                    </a:cubicBezTo>
                    <a:cubicBezTo>
                      <a:pt x="1697789" y="630079"/>
                      <a:pt x="1695601" y="631603"/>
                      <a:pt x="1693413" y="633127"/>
                    </a:cubicBezTo>
                    <a:cubicBezTo>
                      <a:pt x="1683899" y="639794"/>
                      <a:pt x="1674099" y="646176"/>
                      <a:pt x="1664300" y="652082"/>
                    </a:cubicBezTo>
                    <a:cubicBezTo>
                      <a:pt x="1661921" y="653510"/>
                      <a:pt x="1659543" y="654939"/>
                      <a:pt x="1657069" y="656463"/>
                    </a:cubicBezTo>
                    <a:cubicBezTo>
                      <a:pt x="1650029" y="660654"/>
                      <a:pt x="1642988" y="664750"/>
                      <a:pt x="1636138" y="668845"/>
                    </a:cubicBezTo>
                    <a:cubicBezTo>
                      <a:pt x="1615968" y="680657"/>
                      <a:pt x="1586189" y="694563"/>
                      <a:pt x="1575153" y="699611"/>
                    </a:cubicBezTo>
                    <a:cubicBezTo>
                      <a:pt x="1574582" y="698183"/>
                      <a:pt x="1574011" y="696754"/>
                      <a:pt x="1573440" y="695325"/>
                    </a:cubicBezTo>
                    <a:cubicBezTo>
                      <a:pt x="1557552" y="652939"/>
                      <a:pt x="1542519" y="604171"/>
                      <a:pt x="1540617" y="554736"/>
                    </a:cubicBezTo>
                    <a:cubicBezTo>
                      <a:pt x="1540521" y="551974"/>
                      <a:pt x="1540426" y="549307"/>
                      <a:pt x="1540331" y="546545"/>
                    </a:cubicBezTo>
                    <a:cubicBezTo>
                      <a:pt x="1540331" y="535781"/>
                      <a:pt x="1540807" y="524923"/>
                      <a:pt x="1542139" y="514160"/>
                    </a:cubicBezTo>
                    <a:cubicBezTo>
                      <a:pt x="1542424" y="511683"/>
                      <a:pt x="1542995" y="509206"/>
                      <a:pt x="1543376" y="506730"/>
                    </a:cubicBezTo>
                    <a:cubicBezTo>
                      <a:pt x="1545088" y="496348"/>
                      <a:pt x="1547467" y="486061"/>
                      <a:pt x="1550797" y="475869"/>
                    </a:cubicBezTo>
                    <a:cubicBezTo>
                      <a:pt x="1551558" y="473583"/>
                      <a:pt x="1552319" y="471297"/>
                      <a:pt x="1553175" y="469106"/>
                    </a:cubicBezTo>
                    <a:cubicBezTo>
                      <a:pt x="1556600" y="459962"/>
                      <a:pt x="1560691" y="450818"/>
                      <a:pt x="1565734" y="441865"/>
                    </a:cubicBezTo>
                    <a:cubicBezTo>
                      <a:pt x="1566875" y="439769"/>
                      <a:pt x="1568017" y="437769"/>
                      <a:pt x="1569254" y="435674"/>
                    </a:cubicBezTo>
                    <a:cubicBezTo>
                      <a:pt x="1570110" y="434245"/>
                      <a:pt x="1570871" y="432721"/>
                      <a:pt x="1571728" y="431292"/>
                    </a:cubicBezTo>
                    <a:cubicBezTo>
                      <a:pt x="1576865" y="423196"/>
                      <a:pt x="1582098" y="416433"/>
                      <a:pt x="1587331" y="410718"/>
                    </a:cubicBezTo>
                    <a:cubicBezTo>
                      <a:pt x="1589043" y="408813"/>
                      <a:pt x="1590851" y="407003"/>
                      <a:pt x="1592563" y="405384"/>
                    </a:cubicBezTo>
                    <a:cubicBezTo>
                      <a:pt x="1608452" y="390430"/>
                      <a:pt x="1624911" y="385096"/>
                      <a:pt x="1642227" y="384620"/>
                    </a:cubicBezTo>
                    <a:lnTo>
                      <a:pt x="1636043" y="380714"/>
                    </a:lnTo>
                    <a:cubicBezTo>
                      <a:pt x="1616349" y="381857"/>
                      <a:pt x="1598272" y="389573"/>
                      <a:pt x="1582954" y="401098"/>
                    </a:cubicBezTo>
                    <a:cubicBezTo>
                      <a:pt x="1582003" y="401860"/>
                      <a:pt x="1580956" y="402431"/>
                      <a:pt x="1580005" y="403193"/>
                    </a:cubicBezTo>
                    <a:cubicBezTo>
                      <a:pt x="1570205" y="411004"/>
                      <a:pt x="1561643" y="420434"/>
                      <a:pt x="1554792" y="430816"/>
                    </a:cubicBezTo>
                    <a:cubicBezTo>
                      <a:pt x="1542900" y="448913"/>
                      <a:pt x="1532339" y="474250"/>
                      <a:pt x="1526155" y="498157"/>
                    </a:cubicBezTo>
                    <a:cubicBezTo>
                      <a:pt x="1525584" y="500444"/>
                      <a:pt x="1524918" y="502730"/>
                      <a:pt x="1524443" y="505016"/>
                    </a:cubicBezTo>
                    <a:cubicBezTo>
                      <a:pt x="1522254" y="514445"/>
                      <a:pt x="1520827" y="523494"/>
                      <a:pt x="1520352" y="531686"/>
                    </a:cubicBezTo>
                    <a:cubicBezTo>
                      <a:pt x="1516546" y="597503"/>
                      <a:pt x="1530056" y="652177"/>
                      <a:pt x="1552319" y="704279"/>
                    </a:cubicBezTo>
                    <a:cubicBezTo>
                      <a:pt x="1555459" y="711613"/>
                      <a:pt x="1558789" y="718947"/>
                      <a:pt x="1562214" y="726281"/>
                    </a:cubicBezTo>
                    <a:cubicBezTo>
                      <a:pt x="1574582" y="752094"/>
                      <a:pt x="1588758" y="777621"/>
                      <a:pt x="1604076" y="803910"/>
                    </a:cubicBezTo>
                    <a:cubicBezTo>
                      <a:pt x="1604741" y="805148"/>
                      <a:pt x="1605503" y="806387"/>
                      <a:pt x="1606264" y="807625"/>
                    </a:cubicBezTo>
                    <a:cubicBezTo>
                      <a:pt x="1612733" y="818674"/>
                      <a:pt x="1619298" y="829913"/>
                      <a:pt x="1625958" y="841343"/>
                    </a:cubicBezTo>
                    <a:cubicBezTo>
                      <a:pt x="1627195" y="843629"/>
                      <a:pt x="1628907" y="846677"/>
                      <a:pt x="1630715" y="849820"/>
                    </a:cubicBezTo>
                    <a:cubicBezTo>
                      <a:pt x="1445761" y="962216"/>
                      <a:pt x="1447664" y="1116140"/>
                      <a:pt x="1460793" y="1377601"/>
                    </a:cubicBezTo>
                    <a:cubicBezTo>
                      <a:pt x="1393053" y="1410272"/>
                      <a:pt x="1313040" y="1451801"/>
                      <a:pt x="1227793" y="1502378"/>
                    </a:cubicBezTo>
                    <a:cubicBezTo>
                      <a:pt x="1178891" y="1464469"/>
                      <a:pt x="1140454" y="1400270"/>
                      <a:pt x="1111436" y="1335500"/>
                    </a:cubicBezTo>
                    <a:cubicBezTo>
                      <a:pt x="1192877" y="1207389"/>
                      <a:pt x="1226652" y="1078992"/>
                      <a:pt x="1252245" y="852773"/>
                    </a:cubicBezTo>
                    <a:cubicBezTo>
                      <a:pt x="1282309" y="587407"/>
                      <a:pt x="1298293" y="493871"/>
                      <a:pt x="1401901" y="399764"/>
                    </a:cubicBezTo>
                    <a:cubicBezTo>
                      <a:pt x="1449091" y="356902"/>
                      <a:pt x="1542710" y="281369"/>
                      <a:pt x="1587616" y="243554"/>
                    </a:cubicBezTo>
                    <a:cubicBezTo>
                      <a:pt x="1633855" y="206311"/>
                      <a:pt x="1699216" y="138398"/>
                      <a:pt x="1737558" y="94393"/>
                    </a:cubicBezTo>
                    <a:lnTo>
                      <a:pt x="1716627" y="112967"/>
                    </a:lnTo>
                    <a:cubicBezTo>
                      <a:pt x="1674575" y="153448"/>
                      <a:pt x="1633379" y="188976"/>
                      <a:pt x="1587140" y="223171"/>
                    </a:cubicBezTo>
                    <a:cubicBezTo>
                      <a:pt x="1540521" y="258318"/>
                      <a:pt x="1486672" y="294989"/>
                      <a:pt x="1423784" y="341757"/>
                    </a:cubicBezTo>
                    <a:cubicBezTo>
                      <a:pt x="1416648" y="347091"/>
                      <a:pt x="1409798" y="352330"/>
                      <a:pt x="1403233" y="357664"/>
                    </a:cubicBezTo>
                    <a:cubicBezTo>
                      <a:pt x="1397334" y="362331"/>
                      <a:pt x="1391721" y="366998"/>
                      <a:pt x="1386298" y="371570"/>
                    </a:cubicBezTo>
                    <a:cubicBezTo>
                      <a:pt x="1368887" y="386334"/>
                      <a:pt x="1353665" y="400812"/>
                      <a:pt x="1340345" y="415004"/>
                    </a:cubicBezTo>
                    <a:cubicBezTo>
                      <a:pt x="1339489" y="415957"/>
                      <a:pt x="1338537" y="416909"/>
                      <a:pt x="1337586" y="417862"/>
                    </a:cubicBezTo>
                    <a:cubicBezTo>
                      <a:pt x="1298483" y="460248"/>
                      <a:pt x="1275554" y="501110"/>
                      <a:pt x="1260331" y="543306"/>
                    </a:cubicBezTo>
                    <a:cubicBezTo>
                      <a:pt x="1206101" y="453295"/>
                      <a:pt x="1131511" y="415004"/>
                      <a:pt x="1073950" y="345662"/>
                    </a:cubicBezTo>
                    <a:cubicBezTo>
                      <a:pt x="1079849" y="340519"/>
                      <a:pt x="1095833" y="326231"/>
                      <a:pt x="1106679" y="315659"/>
                    </a:cubicBezTo>
                    <a:cubicBezTo>
                      <a:pt x="1138741" y="284321"/>
                      <a:pt x="1163954" y="258223"/>
                      <a:pt x="1188215" y="219647"/>
                    </a:cubicBezTo>
                    <a:cubicBezTo>
                      <a:pt x="1204864" y="193739"/>
                      <a:pt x="1222085" y="156972"/>
                      <a:pt x="1224083" y="125539"/>
                    </a:cubicBezTo>
                    <a:cubicBezTo>
                      <a:pt x="1224939" y="112490"/>
                      <a:pt x="1224273" y="100108"/>
                      <a:pt x="1222370" y="88106"/>
                    </a:cubicBezTo>
                    <a:cubicBezTo>
                      <a:pt x="1222180" y="87058"/>
                      <a:pt x="1222085" y="85915"/>
                      <a:pt x="1221895" y="84868"/>
                    </a:cubicBezTo>
                    <a:cubicBezTo>
                      <a:pt x="1219326" y="70009"/>
                      <a:pt x="1214854" y="55435"/>
                      <a:pt x="1208670" y="40291"/>
                    </a:cubicBezTo>
                    <a:lnTo>
                      <a:pt x="1204864" y="41529"/>
                    </a:lnTo>
                    <a:cubicBezTo>
                      <a:pt x="1208765" y="55245"/>
                      <a:pt x="1211144" y="68199"/>
                      <a:pt x="1212285" y="80677"/>
                    </a:cubicBezTo>
                    <a:cubicBezTo>
                      <a:pt x="1212476" y="83344"/>
                      <a:pt x="1212666" y="85915"/>
                      <a:pt x="1212761" y="88487"/>
                    </a:cubicBezTo>
                    <a:cubicBezTo>
                      <a:pt x="1213237" y="99441"/>
                      <a:pt x="1212761" y="109919"/>
                      <a:pt x="1211429" y="119920"/>
                    </a:cubicBezTo>
                    <a:cubicBezTo>
                      <a:pt x="1211144" y="122301"/>
                      <a:pt x="1210668" y="124777"/>
                      <a:pt x="1210287" y="127063"/>
                    </a:cubicBezTo>
                    <a:cubicBezTo>
                      <a:pt x="1208385" y="137350"/>
                      <a:pt x="1205625" y="147161"/>
                      <a:pt x="1202105" y="156591"/>
                    </a:cubicBezTo>
                    <a:cubicBezTo>
                      <a:pt x="1201249" y="158782"/>
                      <a:pt x="1200393" y="161068"/>
                      <a:pt x="1199441" y="163259"/>
                    </a:cubicBezTo>
                    <a:cubicBezTo>
                      <a:pt x="1195445" y="172688"/>
                      <a:pt x="1190783" y="181737"/>
                      <a:pt x="1185551" y="190405"/>
                    </a:cubicBezTo>
                    <a:cubicBezTo>
                      <a:pt x="1184314" y="192500"/>
                      <a:pt x="1182982" y="194596"/>
                      <a:pt x="1181650" y="196596"/>
                    </a:cubicBezTo>
                    <a:cubicBezTo>
                      <a:pt x="1175942" y="205359"/>
                      <a:pt x="1169757" y="213741"/>
                      <a:pt x="1163193" y="221837"/>
                    </a:cubicBezTo>
                    <a:cubicBezTo>
                      <a:pt x="1161575" y="223837"/>
                      <a:pt x="1159958" y="225743"/>
                      <a:pt x="1158340" y="227648"/>
                    </a:cubicBezTo>
                    <a:cubicBezTo>
                      <a:pt x="1151205" y="236125"/>
                      <a:pt x="1143784" y="244221"/>
                      <a:pt x="1136363" y="252031"/>
                    </a:cubicBezTo>
                    <a:cubicBezTo>
                      <a:pt x="1134555" y="253936"/>
                      <a:pt x="1132748" y="255746"/>
                      <a:pt x="1130940" y="257651"/>
                    </a:cubicBezTo>
                    <a:cubicBezTo>
                      <a:pt x="1123614" y="265271"/>
                      <a:pt x="1116193" y="272605"/>
                      <a:pt x="1109153" y="279749"/>
                    </a:cubicBezTo>
                    <a:cubicBezTo>
                      <a:pt x="1108487" y="280416"/>
                      <a:pt x="1107821" y="281083"/>
                      <a:pt x="1107155" y="281654"/>
                    </a:cubicBezTo>
                    <a:cubicBezTo>
                      <a:pt x="1105347" y="283464"/>
                      <a:pt x="1103444" y="285274"/>
                      <a:pt x="1101446" y="287179"/>
                    </a:cubicBezTo>
                    <a:cubicBezTo>
                      <a:pt x="1085558" y="302038"/>
                      <a:pt x="1065578" y="317849"/>
                      <a:pt x="1057301" y="324326"/>
                    </a:cubicBezTo>
                    <a:cubicBezTo>
                      <a:pt x="1056445" y="323088"/>
                      <a:pt x="1055493" y="321850"/>
                      <a:pt x="1054637" y="320516"/>
                    </a:cubicBezTo>
                    <a:cubicBezTo>
                      <a:pt x="1031898" y="287369"/>
                      <a:pt x="1008589" y="249079"/>
                      <a:pt x="994127" y="207645"/>
                    </a:cubicBezTo>
                    <a:cubicBezTo>
                      <a:pt x="993081" y="204787"/>
                      <a:pt x="992129" y="201930"/>
                      <a:pt x="991273" y="198977"/>
                    </a:cubicBezTo>
                    <a:cubicBezTo>
                      <a:pt x="987562" y="187261"/>
                      <a:pt x="984708" y="175355"/>
                      <a:pt x="982710" y="163259"/>
                    </a:cubicBezTo>
                    <a:cubicBezTo>
                      <a:pt x="982235" y="160592"/>
                      <a:pt x="981759" y="157924"/>
                      <a:pt x="981473" y="155162"/>
                    </a:cubicBezTo>
                    <a:cubicBezTo>
                      <a:pt x="980142" y="144590"/>
                      <a:pt x="979571" y="133922"/>
                      <a:pt x="979761" y="123158"/>
                    </a:cubicBezTo>
                    <a:cubicBezTo>
                      <a:pt x="979761" y="120682"/>
                      <a:pt x="979761" y="118205"/>
                      <a:pt x="980046" y="115634"/>
                    </a:cubicBezTo>
                    <a:cubicBezTo>
                      <a:pt x="980712" y="105347"/>
                      <a:pt x="982139" y="95060"/>
                      <a:pt x="984423" y="84582"/>
                    </a:cubicBezTo>
                    <a:cubicBezTo>
                      <a:pt x="984899" y="82296"/>
                      <a:pt x="985565" y="79915"/>
                      <a:pt x="986231" y="77629"/>
                    </a:cubicBezTo>
                    <a:cubicBezTo>
                      <a:pt x="987372" y="73247"/>
                      <a:pt x="988514" y="68961"/>
                      <a:pt x="989941" y="64579"/>
                    </a:cubicBezTo>
                    <a:cubicBezTo>
                      <a:pt x="991844" y="58864"/>
                      <a:pt x="993937" y="53721"/>
                      <a:pt x="996125" y="48958"/>
                    </a:cubicBezTo>
                    <a:cubicBezTo>
                      <a:pt x="997172" y="46672"/>
                      <a:pt x="998218" y="44577"/>
                      <a:pt x="999265" y="42482"/>
                    </a:cubicBezTo>
                    <a:cubicBezTo>
                      <a:pt x="1004973" y="31623"/>
                      <a:pt x="1011538" y="23336"/>
                      <a:pt x="1018674" y="17145"/>
                    </a:cubicBezTo>
                    <a:cubicBezTo>
                      <a:pt x="1020767" y="15335"/>
                      <a:pt x="1022955" y="13716"/>
                      <a:pt x="1025143" y="12192"/>
                    </a:cubicBezTo>
                    <a:cubicBezTo>
                      <a:pt x="1031993" y="7620"/>
                      <a:pt x="1039319" y="4477"/>
                      <a:pt x="1047121" y="2286"/>
                    </a:cubicBezTo>
                    <a:lnTo>
                      <a:pt x="1040175" y="0"/>
                    </a:lnTo>
                    <a:cubicBezTo>
                      <a:pt x="1007828" y="10001"/>
                      <a:pt x="984328" y="37338"/>
                      <a:pt x="973291" y="68199"/>
                    </a:cubicBezTo>
                    <a:cubicBezTo>
                      <a:pt x="962445" y="98774"/>
                      <a:pt x="958354" y="141065"/>
                      <a:pt x="963968" y="174403"/>
                    </a:cubicBezTo>
                    <a:cubicBezTo>
                      <a:pt x="984708" y="296323"/>
                      <a:pt x="1058443" y="364998"/>
                      <a:pt x="1140549" y="449675"/>
                    </a:cubicBezTo>
                    <a:cubicBezTo>
                      <a:pt x="1176703" y="488918"/>
                      <a:pt x="1229886" y="537972"/>
                      <a:pt x="1245775" y="591026"/>
                    </a:cubicBezTo>
                    <a:cubicBezTo>
                      <a:pt x="1242255" y="605028"/>
                      <a:pt x="1239210" y="619316"/>
                      <a:pt x="1236356" y="633984"/>
                    </a:cubicBezTo>
                    <a:cubicBezTo>
                      <a:pt x="1219326" y="721233"/>
                      <a:pt x="1210573" y="785336"/>
                      <a:pt x="1200964" y="873347"/>
                    </a:cubicBezTo>
                    <a:cubicBezTo>
                      <a:pt x="1184694" y="1022414"/>
                      <a:pt x="1137885" y="1148906"/>
                      <a:pt x="1071667" y="1232535"/>
                    </a:cubicBezTo>
                    <a:cubicBezTo>
                      <a:pt x="1056825" y="1187768"/>
                      <a:pt x="1047406" y="1151287"/>
                      <a:pt x="1042839" y="1135285"/>
                    </a:cubicBezTo>
                    <a:cubicBezTo>
                      <a:pt x="1024001" y="1069181"/>
                      <a:pt x="997647" y="963740"/>
                      <a:pt x="969200" y="901065"/>
                    </a:cubicBezTo>
                    <a:cubicBezTo>
                      <a:pt x="936948" y="830294"/>
                      <a:pt x="883573" y="782003"/>
                      <a:pt x="815833" y="750570"/>
                    </a:cubicBezTo>
                    <a:cubicBezTo>
                      <a:pt x="790906" y="738950"/>
                      <a:pt x="766360" y="729996"/>
                      <a:pt x="742004" y="722281"/>
                    </a:cubicBezTo>
                    <a:cubicBezTo>
                      <a:pt x="738293" y="721138"/>
                      <a:pt x="734488" y="719900"/>
                      <a:pt x="730777" y="718757"/>
                    </a:cubicBezTo>
                    <a:cubicBezTo>
                      <a:pt x="718599" y="715137"/>
                      <a:pt x="706516" y="711803"/>
                      <a:pt x="694433" y="708660"/>
                    </a:cubicBezTo>
                    <a:cubicBezTo>
                      <a:pt x="692911" y="708279"/>
                      <a:pt x="691294" y="707803"/>
                      <a:pt x="689772" y="707422"/>
                    </a:cubicBezTo>
                    <a:cubicBezTo>
                      <a:pt x="674454" y="703517"/>
                      <a:pt x="659136" y="699707"/>
                      <a:pt x="643818" y="695992"/>
                    </a:cubicBezTo>
                    <a:cubicBezTo>
                      <a:pt x="644580" y="687229"/>
                      <a:pt x="646292" y="667226"/>
                      <a:pt x="646768" y="652843"/>
                    </a:cubicBezTo>
                    <a:cubicBezTo>
                      <a:pt x="647719" y="626459"/>
                      <a:pt x="648195" y="603028"/>
                      <a:pt x="646673" y="579120"/>
                    </a:cubicBezTo>
                    <a:cubicBezTo>
                      <a:pt x="646673" y="579025"/>
                      <a:pt x="646673" y="578930"/>
                      <a:pt x="646673" y="578834"/>
                    </a:cubicBezTo>
                    <a:cubicBezTo>
                      <a:pt x="645531" y="562166"/>
                      <a:pt x="643533" y="545306"/>
                      <a:pt x="639823" y="527018"/>
                    </a:cubicBezTo>
                    <a:cubicBezTo>
                      <a:pt x="636207" y="507968"/>
                      <a:pt x="629452" y="486061"/>
                      <a:pt x="620223" y="466154"/>
                    </a:cubicBezTo>
                    <a:cubicBezTo>
                      <a:pt x="619558" y="464820"/>
                      <a:pt x="618892" y="463487"/>
                      <a:pt x="618226" y="462248"/>
                    </a:cubicBezTo>
                    <a:cubicBezTo>
                      <a:pt x="613183" y="451961"/>
                      <a:pt x="607475" y="442341"/>
                      <a:pt x="601100" y="434150"/>
                    </a:cubicBezTo>
                    <a:cubicBezTo>
                      <a:pt x="582072" y="409289"/>
                      <a:pt x="558287" y="397002"/>
                      <a:pt x="531267" y="383000"/>
                    </a:cubicBezTo>
                    <a:lnTo>
                      <a:pt x="529364" y="386525"/>
                    </a:lnTo>
                    <a:cubicBezTo>
                      <a:pt x="540971" y="393382"/>
                      <a:pt x="551056" y="400717"/>
                      <a:pt x="560094" y="408432"/>
                    </a:cubicBezTo>
                    <a:cubicBezTo>
                      <a:pt x="561902" y="409956"/>
                      <a:pt x="563710" y="411575"/>
                      <a:pt x="565422" y="413195"/>
                    </a:cubicBezTo>
                    <a:cubicBezTo>
                      <a:pt x="573224" y="420434"/>
                      <a:pt x="579979" y="428054"/>
                      <a:pt x="585973" y="435864"/>
                    </a:cubicBezTo>
                    <a:cubicBezTo>
                      <a:pt x="587400" y="437769"/>
                      <a:pt x="588732" y="439769"/>
                      <a:pt x="590064" y="441770"/>
                    </a:cubicBezTo>
                    <a:cubicBezTo>
                      <a:pt x="595963" y="450342"/>
                      <a:pt x="600910" y="459200"/>
                      <a:pt x="605001" y="468249"/>
                    </a:cubicBezTo>
                    <a:cubicBezTo>
                      <a:pt x="605952" y="470440"/>
                      <a:pt x="607094" y="472630"/>
                      <a:pt x="607950" y="474821"/>
                    </a:cubicBezTo>
                    <a:cubicBezTo>
                      <a:pt x="611946" y="484537"/>
                      <a:pt x="614896" y="494538"/>
                      <a:pt x="617274" y="504539"/>
                    </a:cubicBezTo>
                    <a:cubicBezTo>
                      <a:pt x="617845" y="506921"/>
                      <a:pt x="618606" y="509302"/>
                      <a:pt x="619082" y="511778"/>
                    </a:cubicBezTo>
                    <a:cubicBezTo>
                      <a:pt x="621270" y="522351"/>
                      <a:pt x="622602" y="533019"/>
                      <a:pt x="623553" y="543687"/>
                    </a:cubicBezTo>
                    <a:cubicBezTo>
                      <a:pt x="623744" y="546354"/>
                      <a:pt x="623934" y="548926"/>
                      <a:pt x="624124" y="551593"/>
                    </a:cubicBezTo>
                    <a:cubicBezTo>
                      <a:pt x="624885" y="563118"/>
                      <a:pt x="624981" y="574643"/>
                      <a:pt x="624981" y="585883"/>
                    </a:cubicBezTo>
                    <a:cubicBezTo>
                      <a:pt x="624981" y="588645"/>
                      <a:pt x="624981" y="591407"/>
                      <a:pt x="624885" y="594170"/>
                    </a:cubicBezTo>
                    <a:cubicBezTo>
                      <a:pt x="624695" y="604742"/>
                      <a:pt x="624315" y="615125"/>
                      <a:pt x="624029" y="625221"/>
                    </a:cubicBezTo>
                    <a:cubicBezTo>
                      <a:pt x="624029" y="626555"/>
                      <a:pt x="623934" y="627888"/>
                      <a:pt x="623839" y="629317"/>
                    </a:cubicBezTo>
                    <a:cubicBezTo>
                      <a:pt x="623744" y="632079"/>
                      <a:pt x="623553" y="634937"/>
                      <a:pt x="623363" y="637889"/>
                    </a:cubicBezTo>
                    <a:cubicBezTo>
                      <a:pt x="621936" y="657035"/>
                      <a:pt x="619272" y="678466"/>
                      <a:pt x="617655" y="689896"/>
                    </a:cubicBezTo>
                    <a:cubicBezTo>
                      <a:pt x="583404" y="681323"/>
                      <a:pt x="548678" y="671513"/>
                      <a:pt x="512809" y="657987"/>
                    </a:cubicBezTo>
                    <a:cubicBezTo>
                      <a:pt x="509955" y="656939"/>
                      <a:pt x="507101" y="655796"/>
                      <a:pt x="504247" y="654653"/>
                    </a:cubicBezTo>
                    <a:cubicBezTo>
                      <a:pt x="492735" y="650081"/>
                      <a:pt x="481128" y="645224"/>
                      <a:pt x="469425" y="639699"/>
                    </a:cubicBezTo>
                    <a:cubicBezTo>
                      <a:pt x="466761" y="638461"/>
                      <a:pt x="464192" y="637318"/>
                      <a:pt x="461528" y="635984"/>
                    </a:cubicBezTo>
                    <a:cubicBezTo>
                      <a:pt x="460958" y="635699"/>
                      <a:pt x="460292" y="635413"/>
                      <a:pt x="459721" y="635127"/>
                    </a:cubicBezTo>
                    <a:cubicBezTo>
                      <a:pt x="450207" y="630460"/>
                      <a:pt x="441263" y="624554"/>
                      <a:pt x="432796" y="617887"/>
                    </a:cubicBezTo>
                    <a:cubicBezTo>
                      <a:pt x="430798" y="616363"/>
                      <a:pt x="428895" y="614648"/>
                      <a:pt x="426992" y="613029"/>
                    </a:cubicBezTo>
                    <a:cubicBezTo>
                      <a:pt x="419191" y="606266"/>
                      <a:pt x="411675" y="598837"/>
                      <a:pt x="404825" y="590645"/>
                    </a:cubicBezTo>
                    <a:cubicBezTo>
                      <a:pt x="403302" y="588836"/>
                      <a:pt x="401780" y="586931"/>
                      <a:pt x="400258" y="585026"/>
                    </a:cubicBezTo>
                    <a:cubicBezTo>
                      <a:pt x="394074" y="577025"/>
                      <a:pt x="388270" y="568643"/>
                      <a:pt x="383132" y="559880"/>
                    </a:cubicBezTo>
                    <a:cubicBezTo>
                      <a:pt x="381896" y="557784"/>
                      <a:pt x="380944" y="555689"/>
                      <a:pt x="379802" y="553593"/>
                    </a:cubicBezTo>
                    <a:cubicBezTo>
                      <a:pt x="374950" y="544735"/>
                      <a:pt x="370574" y="535781"/>
                      <a:pt x="366958" y="526542"/>
                    </a:cubicBezTo>
                    <a:cubicBezTo>
                      <a:pt x="366102" y="524256"/>
                      <a:pt x="365246" y="522065"/>
                      <a:pt x="364390" y="519779"/>
                    </a:cubicBezTo>
                    <a:cubicBezTo>
                      <a:pt x="357920" y="501872"/>
                      <a:pt x="353734" y="483584"/>
                      <a:pt x="352307" y="466058"/>
                    </a:cubicBezTo>
                    <a:lnTo>
                      <a:pt x="346598" y="468916"/>
                    </a:lnTo>
                    <a:cubicBezTo>
                      <a:pt x="351165" y="550355"/>
                      <a:pt x="385796" y="611124"/>
                      <a:pt x="445735" y="651320"/>
                    </a:cubicBezTo>
                    <a:cubicBezTo>
                      <a:pt x="445735" y="651320"/>
                      <a:pt x="445735" y="651320"/>
                      <a:pt x="445735" y="651320"/>
                    </a:cubicBezTo>
                    <a:cubicBezTo>
                      <a:pt x="468379" y="666560"/>
                      <a:pt x="494542" y="678942"/>
                      <a:pt x="524226" y="688181"/>
                    </a:cubicBezTo>
                    <a:cubicBezTo>
                      <a:pt x="621651" y="718661"/>
                      <a:pt x="687012" y="737426"/>
                      <a:pt x="750376" y="758571"/>
                    </a:cubicBezTo>
                    <a:cubicBezTo>
                      <a:pt x="808412" y="777907"/>
                      <a:pt x="855317" y="810959"/>
                      <a:pt x="889567" y="852583"/>
                    </a:cubicBezTo>
                    <a:cubicBezTo>
                      <a:pt x="891090" y="854393"/>
                      <a:pt x="892612" y="856298"/>
                      <a:pt x="894039" y="858203"/>
                    </a:cubicBezTo>
                    <a:cubicBezTo>
                      <a:pt x="900223" y="866108"/>
                      <a:pt x="905932" y="874205"/>
                      <a:pt x="911164" y="882587"/>
                    </a:cubicBezTo>
                    <a:cubicBezTo>
                      <a:pt x="912401" y="884587"/>
                      <a:pt x="913638" y="886682"/>
                      <a:pt x="914875" y="888683"/>
                    </a:cubicBezTo>
                    <a:cubicBezTo>
                      <a:pt x="920108" y="897541"/>
                      <a:pt x="924865" y="906590"/>
                      <a:pt x="929051" y="915924"/>
                    </a:cubicBezTo>
                    <a:cubicBezTo>
                      <a:pt x="929527" y="916972"/>
                      <a:pt x="930002" y="917924"/>
                      <a:pt x="930478" y="918972"/>
                    </a:cubicBezTo>
                    <a:cubicBezTo>
                      <a:pt x="930954" y="920115"/>
                      <a:pt x="931429" y="921353"/>
                      <a:pt x="931905" y="922592"/>
                    </a:cubicBezTo>
                    <a:cubicBezTo>
                      <a:pt x="935425" y="931164"/>
                      <a:pt x="939136" y="941070"/>
                      <a:pt x="942941" y="952024"/>
                    </a:cubicBezTo>
                    <a:cubicBezTo>
                      <a:pt x="943798" y="954405"/>
                      <a:pt x="944559" y="956596"/>
                      <a:pt x="945415" y="959072"/>
                    </a:cubicBezTo>
                    <a:cubicBezTo>
                      <a:pt x="954168" y="985076"/>
                      <a:pt x="963397" y="1015937"/>
                      <a:pt x="972055" y="1047464"/>
                    </a:cubicBezTo>
                    <a:cubicBezTo>
                      <a:pt x="964919" y="1046512"/>
                      <a:pt x="957593" y="1045559"/>
                      <a:pt x="950838" y="1044607"/>
                    </a:cubicBezTo>
                    <a:cubicBezTo>
                      <a:pt x="949126" y="1044321"/>
                      <a:pt x="947128" y="1044035"/>
                      <a:pt x="945415" y="1043750"/>
                    </a:cubicBezTo>
                    <a:cubicBezTo>
                      <a:pt x="938279" y="1042702"/>
                      <a:pt x="931049" y="1041654"/>
                      <a:pt x="923533" y="1040320"/>
                    </a:cubicBezTo>
                    <a:cubicBezTo>
                      <a:pt x="915731" y="1038987"/>
                      <a:pt x="907739" y="1037463"/>
                      <a:pt x="899652" y="1035653"/>
                    </a:cubicBezTo>
                    <a:cubicBezTo>
                      <a:pt x="896513" y="1034987"/>
                      <a:pt x="893468" y="1034225"/>
                      <a:pt x="890328" y="1033463"/>
                    </a:cubicBezTo>
                    <a:cubicBezTo>
                      <a:pt x="878341" y="1030415"/>
                      <a:pt x="866353" y="1026795"/>
                      <a:pt x="854460" y="1022223"/>
                    </a:cubicBezTo>
                    <a:cubicBezTo>
                      <a:pt x="851796" y="1021175"/>
                      <a:pt x="849228" y="1020128"/>
                      <a:pt x="846564" y="1018985"/>
                    </a:cubicBezTo>
                    <a:cubicBezTo>
                      <a:pt x="836098" y="1014508"/>
                      <a:pt x="825918" y="1009269"/>
                      <a:pt x="816023" y="1003078"/>
                    </a:cubicBezTo>
                    <a:cubicBezTo>
                      <a:pt x="813835" y="1001744"/>
                      <a:pt x="811742" y="1000316"/>
                      <a:pt x="809554" y="998887"/>
                    </a:cubicBezTo>
                    <a:cubicBezTo>
                      <a:pt x="800991" y="992981"/>
                      <a:pt x="792809" y="986314"/>
                      <a:pt x="785103" y="978789"/>
                    </a:cubicBezTo>
                    <a:cubicBezTo>
                      <a:pt x="783390" y="977075"/>
                      <a:pt x="781678" y="975360"/>
                      <a:pt x="780060" y="973645"/>
                    </a:cubicBezTo>
                    <a:cubicBezTo>
                      <a:pt x="773400" y="966597"/>
                      <a:pt x="767216" y="958787"/>
                      <a:pt x="761508" y="950119"/>
                    </a:cubicBezTo>
                    <a:cubicBezTo>
                      <a:pt x="760176" y="948118"/>
                      <a:pt x="758939" y="946118"/>
                      <a:pt x="757702" y="944023"/>
                    </a:cubicBezTo>
                    <a:cubicBezTo>
                      <a:pt x="750091" y="931450"/>
                      <a:pt x="743526" y="917353"/>
                      <a:pt x="738198" y="901351"/>
                    </a:cubicBezTo>
                    <a:lnTo>
                      <a:pt x="734393" y="902494"/>
                    </a:lnTo>
                    <a:cubicBezTo>
                      <a:pt x="742384" y="931926"/>
                      <a:pt x="749235" y="957834"/>
                      <a:pt x="769500" y="981742"/>
                    </a:cubicBezTo>
                    <a:cubicBezTo>
                      <a:pt x="789574" y="1005935"/>
                      <a:pt x="823635" y="1027367"/>
                      <a:pt x="851987" y="1039463"/>
                    </a:cubicBezTo>
                    <a:cubicBezTo>
                      <a:pt x="854365" y="1040511"/>
                      <a:pt x="856554" y="1041368"/>
                      <a:pt x="858932" y="1042321"/>
                    </a:cubicBezTo>
                    <a:cubicBezTo>
                      <a:pt x="864070" y="1044512"/>
                      <a:pt x="869207" y="1046417"/>
                      <a:pt x="874155" y="1048322"/>
                    </a:cubicBezTo>
                    <a:cubicBezTo>
                      <a:pt x="895466" y="1056132"/>
                      <a:pt x="915826" y="1061561"/>
                      <a:pt x="937328" y="1066133"/>
                    </a:cubicBezTo>
                    <a:cubicBezTo>
                      <a:pt x="938755" y="1066419"/>
                      <a:pt x="940182" y="1066800"/>
                      <a:pt x="941609" y="1067086"/>
                    </a:cubicBezTo>
                    <a:cubicBezTo>
                      <a:pt x="951790" y="1069181"/>
                      <a:pt x="962255" y="1071086"/>
                      <a:pt x="973291" y="1073087"/>
                    </a:cubicBezTo>
                    <a:cubicBezTo>
                      <a:pt x="975194" y="1073468"/>
                      <a:pt x="977287" y="1073753"/>
                      <a:pt x="979285" y="1074134"/>
                    </a:cubicBezTo>
                    <a:cubicBezTo>
                      <a:pt x="992415" y="1123188"/>
                      <a:pt x="1003832" y="1170623"/>
                      <a:pt x="1010396" y="1200055"/>
                    </a:cubicBezTo>
                    <a:cubicBezTo>
                      <a:pt x="1050356" y="1380268"/>
                      <a:pt x="1083560" y="1501045"/>
                      <a:pt x="1129037" y="1564577"/>
                    </a:cubicBezTo>
                    <a:cubicBezTo>
                      <a:pt x="1123329" y="1568291"/>
                      <a:pt x="1117620" y="1572101"/>
                      <a:pt x="1111817" y="1575911"/>
                    </a:cubicBezTo>
                    <a:cubicBezTo>
                      <a:pt x="883003" y="1727930"/>
                      <a:pt x="803845" y="1828610"/>
                      <a:pt x="744573" y="1981105"/>
                    </a:cubicBezTo>
                    <a:cubicBezTo>
                      <a:pt x="695290" y="1957197"/>
                      <a:pt x="647434" y="1930337"/>
                      <a:pt x="601481" y="1900428"/>
                    </a:cubicBezTo>
                    <a:cubicBezTo>
                      <a:pt x="491688" y="1828991"/>
                      <a:pt x="392646" y="1741170"/>
                      <a:pt x="308447" y="1640681"/>
                    </a:cubicBezTo>
                    <a:cubicBezTo>
                      <a:pt x="223867" y="1539716"/>
                      <a:pt x="154319" y="1426178"/>
                      <a:pt x="103228" y="1304639"/>
                    </a:cubicBezTo>
                    <a:cubicBezTo>
                      <a:pt x="50900" y="1180433"/>
                      <a:pt x="17982" y="1048226"/>
                      <a:pt x="5804" y="913924"/>
                    </a:cubicBezTo>
                    <a:cubicBezTo>
                      <a:pt x="2664" y="879634"/>
                      <a:pt x="666" y="845058"/>
                      <a:pt x="476" y="810578"/>
                    </a:cubicBezTo>
                    <a:cubicBezTo>
                      <a:pt x="285" y="814007"/>
                      <a:pt x="0" y="816864"/>
                      <a:pt x="0" y="817626"/>
                    </a:cubicBezTo>
                    <a:cubicBezTo>
                      <a:pt x="190" y="956691"/>
                      <a:pt x="18648" y="1094423"/>
                      <a:pt x="60224" y="1227296"/>
                    </a:cubicBezTo>
                    <a:cubicBezTo>
                      <a:pt x="100469" y="1355979"/>
                      <a:pt x="160598" y="1478280"/>
                      <a:pt x="237852" y="1588770"/>
                    </a:cubicBezTo>
                    <a:cubicBezTo>
                      <a:pt x="313870" y="1697546"/>
                      <a:pt x="406347" y="1794796"/>
                      <a:pt x="511097" y="1876235"/>
                    </a:cubicBezTo>
                    <a:cubicBezTo>
                      <a:pt x="617179" y="1958721"/>
                      <a:pt x="735725" y="2024825"/>
                      <a:pt x="861596" y="2071497"/>
                    </a:cubicBezTo>
                    <a:cubicBezTo>
                      <a:pt x="991558" y="2119694"/>
                      <a:pt x="1129132" y="2146840"/>
                      <a:pt x="1267562" y="2152269"/>
                    </a:cubicBezTo>
                    <a:cubicBezTo>
                      <a:pt x="1407705" y="2157698"/>
                      <a:pt x="1548608" y="2141030"/>
                      <a:pt x="1683423" y="2102453"/>
                    </a:cubicBezTo>
                    <a:cubicBezTo>
                      <a:pt x="1812624" y="2065401"/>
                      <a:pt x="1935927" y="2008346"/>
                      <a:pt x="2047908" y="1934051"/>
                    </a:cubicBezTo>
                    <a:cubicBezTo>
                      <a:pt x="2158937" y="1860328"/>
                      <a:pt x="2258740" y="1769745"/>
                      <a:pt x="2342940" y="1666304"/>
                    </a:cubicBezTo>
                    <a:cubicBezTo>
                      <a:pt x="2427615" y="1562195"/>
                      <a:pt x="2496402" y="1445323"/>
                      <a:pt x="2545970" y="1320546"/>
                    </a:cubicBezTo>
                    <a:cubicBezTo>
                      <a:pt x="2596681" y="1193006"/>
                      <a:pt x="2627031" y="1057561"/>
                      <a:pt x="2636069" y="920591"/>
                    </a:cubicBezTo>
                    <a:cubicBezTo>
                      <a:pt x="2638352" y="886301"/>
                      <a:pt x="2639113" y="852011"/>
                      <a:pt x="2639113" y="817626"/>
                    </a:cubicBezTo>
                    <a:cubicBezTo>
                      <a:pt x="2639113" y="816578"/>
                      <a:pt x="2638923" y="812768"/>
                      <a:pt x="2638733" y="808292"/>
                    </a:cubicBezTo>
                    <a:close/>
                  </a:path>
                </a:pathLst>
              </a:custGeom>
              <a:solidFill>
                <a:srgbClr val="052460"/>
              </a:solidFill>
              <a:ln w="9492" cap="flat">
                <a:noFill/>
                <a:prstDash val="solid"/>
                <a:miter/>
              </a:ln>
            </p:spPr>
            <p:txBody>
              <a:bodyPr rtlCol="0" anchor="ctr"/>
              <a:lstStyle/>
              <a:p>
                <a:endParaRPr lang="en-US" dirty="0"/>
              </a:p>
            </p:txBody>
          </p:sp>
        </p:grpSp>
      </p:grpSp>
      <p:sp>
        <p:nvSpPr>
          <p:cNvPr id="115" name="Content Placeholder 11">
            <a:extLst>
              <a:ext uri="{FF2B5EF4-FFF2-40B4-BE49-F238E27FC236}">
                <a16:creationId xmlns:a16="http://schemas.microsoft.com/office/drawing/2014/main" id="{FA3C8174-FEBA-3736-AA16-E6DDD86E8F81}"/>
              </a:ext>
            </a:extLst>
          </p:cNvPr>
          <p:cNvSpPr/>
          <p:nvPr/>
        </p:nvSpPr>
        <p:spPr>
          <a:xfrm>
            <a:off x="4629113" y="1982288"/>
            <a:ext cx="360400" cy="536175"/>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A42036"/>
          </a:solidFill>
          <a:ln w="5963" cap="flat">
            <a:noFill/>
            <a:prstDash val="solid"/>
            <a:miter/>
          </a:ln>
        </p:spPr>
        <p:txBody>
          <a:bodyPr rtlCol="0" anchor="ctr"/>
          <a:lstStyle/>
          <a:p>
            <a:endParaRPr lang="en-US"/>
          </a:p>
        </p:txBody>
      </p:sp>
      <p:sp>
        <p:nvSpPr>
          <p:cNvPr id="116" name="Title 5">
            <a:extLst>
              <a:ext uri="{FF2B5EF4-FFF2-40B4-BE49-F238E27FC236}">
                <a16:creationId xmlns:a16="http://schemas.microsoft.com/office/drawing/2014/main" id="{C75AE94F-639C-0A9C-6C98-C239E27DF69B}"/>
              </a:ext>
            </a:extLst>
          </p:cNvPr>
          <p:cNvSpPr>
            <a:spLocks noGrp="1"/>
          </p:cNvSpPr>
          <p:nvPr>
            <p:ph type="title"/>
          </p:nvPr>
        </p:nvSpPr>
        <p:spPr>
          <a:xfrm>
            <a:off x="4424400" y="720000"/>
            <a:ext cx="7047600" cy="561600"/>
          </a:xfrm>
        </p:spPr>
        <p:txBody>
          <a:bodyPr/>
          <a:lstStyle/>
          <a:p>
            <a:r>
              <a:rPr lang="en-US" sz="3400" dirty="0"/>
              <a:t>A Bold Vision for a Bright Future</a:t>
            </a:r>
          </a:p>
        </p:txBody>
      </p:sp>
      <p:sp>
        <p:nvSpPr>
          <p:cNvPr id="117" name="Content Placeholder 11">
            <a:extLst>
              <a:ext uri="{FF2B5EF4-FFF2-40B4-BE49-F238E27FC236}">
                <a16:creationId xmlns:a16="http://schemas.microsoft.com/office/drawing/2014/main" id="{F2980C07-05A3-0658-82FD-6048493273A7}"/>
              </a:ext>
            </a:extLst>
          </p:cNvPr>
          <p:cNvSpPr/>
          <p:nvPr/>
        </p:nvSpPr>
        <p:spPr>
          <a:xfrm>
            <a:off x="4629113" y="3781060"/>
            <a:ext cx="360400" cy="536175"/>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C6583F"/>
          </a:solidFill>
          <a:ln w="5963" cap="flat">
            <a:noFill/>
            <a:prstDash val="solid"/>
            <a:miter/>
          </a:ln>
        </p:spPr>
        <p:txBody>
          <a:bodyPr rtlCol="0" anchor="ctr"/>
          <a:lstStyle/>
          <a:p>
            <a:endParaRPr lang="en-US"/>
          </a:p>
        </p:txBody>
      </p:sp>
      <p:sp>
        <p:nvSpPr>
          <p:cNvPr id="118" name="Content Placeholder 11">
            <a:extLst>
              <a:ext uri="{FF2B5EF4-FFF2-40B4-BE49-F238E27FC236}">
                <a16:creationId xmlns:a16="http://schemas.microsoft.com/office/drawing/2014/main" id="{B1E52B81-C7BD-DB62-18F1-F285B5BEBD04}"/>
              </a:ext>
            </a:extLst>
          </p:cNvPr>
          <p:cNvSpPr/>
          <p:nvPr/>
        </p:nvSpPr>
        <p:spPr>
          <a:xfrm>
            <a:off x="4629113" y="4680446"/>
            <a:ext cx="360400" cy="536175"/>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EE9E4B"/>
          </a:solidFill>
          <a:ln w="5963" cap="flat">
            <a:noFill/>
            <a:prstDash val="solid"/>
            <a:miter/>
          </a:ln>
        </p:spPr>
        <p:txBody>
          <a:bodyPr rtlCol="0" anchor="ctr"/>
          <a:lstStyle/>
          <a:p>
            <a:endParaRPr lang="en-US"/>
          </a:p>
        </p:txBody>
      </p:sp>
      <p:sp>
        <p:nvSpPr>
          <p:cNvPr id="119" name="Content Placeholder 11">
            <a:extLst>
              <a:ext uri="{FF2B5EF4-FFF2-40B4-BE49-F238E27FC236}">
                <a16:creationId xmlns:a16="http://schemas.microsoft.com/office/drawing/2014/main" id="{B0117DA4-70C4-B561-FF84-E487FD8AA3D8}"/>
              </a:ext>
            </a:extLst>
          </p:cNvPr>
          <p:cNvSpPr/>
          <p:nvPr/>
        </p:nvSpPr>
        <p:spPr>
          <a:xfrm>
            <a:off x="4629113" y="2881674"/>
            <a:ext cx="360400" cy="536175"/>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2B823F"/>
          </a:solidFill>
          <a:ln w="5963" cap="flat">
            <a:noFill/>
            <a:prstDash val="solid"/>
            <a:miter/>
          </a:ln>
        </p:spPr>
        <p:txBody>
          <a:bodyPr rtlCol="0" anchor="ctr"/>
          <a:lstStyle/>
          <a:p>
            <a:endParaRPr lang="en-US"/>
          </a:p>
        </p:txBody>
      </p:sp>
      <p:sp>
        <p:nvSpPr>
          <p:cNvPr id="120" name="Content Placeholder 11">
            <a:extLst>
              <a:ext uri="{FF2B5EF4-FFF2-40B4-BE49-F238E27FC236}">
                <a16:creationId xmlns:a16="http://schemas.microsoft.com/office/drawing/2014/main" id="{6C1960AF-A507-2633-243D-AEA070689B19}"/>
              </a:ext>
            </a:extLst>
          </p:cNvPr>
          <p:cNvSpPr/>
          <p:nvPr/>
        </p:nvSpPr>
        <p:spPr>
          <a:xfrm>
            <a:off x="4629113" y="5579834"/>
            <a:ext cx="360400" cy="536175"/>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498DC1"/>
          </a:solidFill>
          <a:ln w="5963" cap="flat">
            <a:noFill/>
            <a:prstDash val="solid"/>
            <a:miter/>
          </a:ln>
        </p:spPr>
        <p:txBody>
          <a:bodyPr rtlCol="0" anchor="ctr"/>
          <a:lstStyle/>
          <a:p>
            <a:endParaRPr lang="en-US"/>
          </a:p>
        </p:txBody>
      </p:sp>
      <p:sp>
        <p:nvSpPr>
          <p:cNvPr id="121" name="Text Placeholder 5">
            <a:extLst>
              <a:ext uri="{FF2B5EF4-FFF2-40B4-BE49-F238E27FC236}">
                <a16:creationId xmlns:a16="http://schemas.microsoft.com/office/drawing/2014/main" id="{A543C898-D4D4-D7E1-7D5F-85655A5349E4}"/>
              </a:ext>
            </a:extLst>
          </p:cNvPr>
          <p:cNvSpPr txBox="1">
            <a:spLocks/>
          </p:cNvSpPr>
          <p:nvPr/>
        </p:nvSpPr>
        <p:spPr>
          <a:xfrm>
            <a:off x="5349875" y="2145485"/>
            <a:ext cx="5554664" cy="257517"/>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solidFill>
                  <a:schemeClr val="accent1"/>
                </a:solidFill>
                <a:latin typeface="+mj-lt"/>
              </a:rPr>
              <a:t>Lead with Humanity in Everything We Do</a:t>
            </a:r>
          </a:p>
        </p:txBody>
      </p:sp>
      <p:sp>
        <p:nvSpPr>
          <p:cNvPr id="122" name="Text Placeholder 5">
            <a:extLst>
              <a:ext uri="{FF2B5EF4-FFF2-40B4-BE49-F238E27FC236}">
                <a16:creationId xmlns:a16="http://schemas.microsoft.com/office/drawing/2014/main" id="{ADFC5FE4-C175-24A3-1369-3261E4F7CB32}"/>
              </a:ext>
            </a:extLst>
          </p:cNvPr>
          <p:cNvSpPr txBox="1">
            <a:spLocks/>
          </p:cNvSpPr>
          <p:nvPr/>
        </p:nvSpPr>
        <p:spPr>
          <a:xfrm>
            <a:off x="5349875" y="3063500"/>
            <a:ext cx="5554664" cy="257517"/>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solidFill>
                  <a:schemeClr val="accent1"/>
                </a:solidFill>
                <a:latin typeface="+mj-lt"/>
              </a:rPr>
              <a:t>Make Breathtaking Discoveries and Put Them to Work</a:t>
            </a:r>
          </a:p>
        </p:txBody>
      </p:sp>
      <p:sp>
        <p:nvSpPr>
          <p:cNvPr id="123" name="Text Placeholder 5">
            <a:extLst>
              <a:ext uri="{FF2B5EF4-FFF2-40B4-BE49-F238E27FC236}">
                <a16:creationId xmlns:a16="http://schemas.microsoft.com/office/drawing/2014/main" id="{C4714759-C514-849F-B546-DFF3A0D1A7D3}"/>
              </a:ext>
            </a:extLst>
          </p:cNvPr>
          <p:cNvSpPr txBox="1">
            <a:spLocks/>
          </p:cNvSpPr>
          <p:nvPr/>
        </p:nvSpPr>
        <p:spPr>
          <a:xfrm>
            <a:off x="5349875" y="3981515"/>
            <a:ext cx="5554664" cy="230248"/>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solidFill>
                  <a:schemeClr val="accent1"/>
                </a:solidFill>
                <a:latin typeface="+mj-lt"/>
              </a:rPr>
              <a:t>Simplify Care Delivery and Place It Within Reach</a:t>
            </a:r>
          </a:p>
        </p:txBody>
      </p:sp>
      <p:sp>
        <p:nvSpPr>
          <p:cNvPr id="124" name="Text Placeholder 5">
            <a:extLst>
              <a:ext uri="{FF2B5EF4-FFF2-40B4-BE49-F238E27FC236}">
                <a16:creationId xmlns:a16="http://schemas.microsoft.com/office/drawing/2014/main" id="{D7B22D8B-EF6C-8C93-D8F3-B5605EFA1000}"/>
              </a:ext>
            </a:extLst>
          </p:cNvPr>
          <p:cNvSpPr txBox="1">
            <a:spLocks/>
          </p:cNvSpPr>
          <p:nvPr/>
        </p:nvSpPr>
        <p:spPr>
          <a:xfrm>
            <a:off x="5349875" y="4872261"/>
            <a:ext cx="5554664" cy="186405"/>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solidFill>
                  <a:schemeClr val="accent1"/>
                </a:solidFill>
                <a:latin typeface="+mj-lt"/>
              </a:rPr>
              <a:t>Develop People for Great Accomplishment</a:t>
            </a:r>
          </a:p>
        </p:txBody>
      </p:sp>
      <p:sp>
        <p:nvSpPr>
          <p:cNvPr id="125" name="Text Placeholder 5">
            <a:extLst>
              <a:ext uri="{FF2B5EF4-FFF2-40B4-BE49-F238E27FC236}">
                <a16:creationId xmlns:a16="http://schemas.microsoft.com/office/drawing/2014/main" id="{FB0F10D6-DB30-2520-9CE4-F130DF4766D8}"/>
              </a:ext>
            </a:extLst>
          </p:cNvPr>
          <p:cNvSpPr txBox="1">
            <a:spLocks/>
          </p:cNvSpPr>
          <p:nvPr/>
        </p:nvSpPr>
        <p:spPr>
          <a:xfrm>
            <a:off x="5349875" y="5719162"/>
            <a:ext cx="6121400" cy="257517"/>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r>
              <a:rPr lang="en-US" dirty="0">
                <a:solidFill>
                  <a:schemeClr val="accent1"/>
                </a:solidFill>
                <a:latin typeface="+mj-lt"/>
              </a:rPr>
              <a:t>Uplift Our Community, Our Environment, and Ourselves</a:t>
            </a:r>
          </a:p>
        </p:txBody>
      </p:sp>
      <p:sp>
        <p:nvSpPr>
          <p:cNvPr id="186" name="TextBox 185">
            <a:extLst>
              <a:ext uri="{FF2B5EF4-FFF2-40B4-BE49-F238E27FC236}">
                <a16:creationId xmlns:a16="http://schemas.microsoft.com/office/drawing/2014/main" id="{C9D66247-311A-8981-C49E-AD6A8514E189}"/>
              </a:ext>
            </a:extLst>
          </p:cNvPr>
          <p:cNvSpPr txBox="1"/>
          <p:nvPr/>
        </p:nvSpPr>
        <p:spPr>
          <a:xfrm>
            <a:off x="-2405270" y="-606287"/>
            <a:ext cx="65" cy="246221"/>
          </a:xfrm>
          <a:prstGeom prst="rect">
            <a:avLst/>
          </a:prstGeom>
          <a:noFill/>
        </p:spPr>
        <p:txBody>
          <a:bodyPr wrap="none" lIns="0" tIns="0" rIns="0" bIns="0" rtlCol="0">
            <a:spAutoFit/>
          </a:bodyPr>
          <a:lstStyle/>
          <a:p>
            <a:pPr algn="l"/>
            <a:endParaRPr lang="en-US" sz="1600" dirty="0" err="1">
              <a:solidFill>
                <a:schemeClr val="accent1"/>
              </a:solidFill>
              <a:latin typeface="+mj-lt"/>
            </a:endParaRPr>
          </a:p>
        </p:txBody>
      </p:sp>
    </p:spTree>
    <p:custDataLst>
      <p:custData r:id="rId1"/>
      <p:custData r:id="rId2"/>
    </p:custDataLst>
    <p:extLst>
      <p:ext uri="{BB962C8B-B14F-4D97-AF65-F5344CB8AC3E}">
        <p14:creationId xmlns:p14="http://schemas.microsoft.com/office/powerpoint/2010/main" val="1436234722"/>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66" name="Group 65">
            <a:extLst>
              <a:ext uri="{FF2B5EF4-FFF2-40B4-BE49-F238E27FC236}">
                <a16:creationId xmlns:a16="http://schemas.microsoft.com/office/drawing/2014/main" id="{9E81C2DC-2529-BB9F-5020-73E6540FDBC5}"/>
              </a:ext>
            </a:extLst>
          </p:cNvPr>
          <p:cNvGrpSpPr/>
          <p:nvPr/>
        </p:nvGrpSpPr>
        <p:grpSpPr>
          <a:xfrm>
            <a:off x="4369781" y="-20093"/>
            <a:ext cx="7822219" cy="3943867"/>
            <a:chOff x="4422775" y="0"/>
            <a:chExt cx="7822219" cy="3943867"/>
          </a:xfrm>
        </p:grpSpPr>
        <p:pic>
          <p:nvPicPr>
            <p:cNvPr id="64" name="Picture 63" descr="A close-up of a nurse holding a patient's hand&#10;&#10;Description automatically generated">
              <a:extLst>
                <a:ext uri="{FF2B5EF4-FFF2-40B4-BE49-F238E27FC236}">
                  <a16:creationId xmlns:a16="http://schemas.microsoft.com/office/drawing/2014/main" id="{89467148-945F-B807-B1C4-57653CD30C43}"/>
                </a:ext>
              </a:extLst>
            </p:cNvPr>
            <p:cNvPicPr>
              <a:picLocks noChangeAspect="1"/>
            </p:cNvPicPr>
            <p:nvPr/>
          </p:nvPicPr>
          <p:blipFill rotWithShape="1">
            <a:blip r:embed="rId5">
              <a:alphaModFix amt="35000"/>
              <a:extLst>
                <a:ext uri="{28A0092B-C50C-407E-A947-70E740481C1C}">
                  <a14:useLocalDpi xmlns:a14="http://schemas.microsoft.com/office/drawing/2010/main"/>
                </a:ext>
              </a:extLst>
            </a:blip>
            <a:srcRect/>
            <a:stretch/>
          </p:blipFill>
          <p:spPr>
            <a:xfrm flipH="1">
              <a:off x="4472594" y="0"/>
              <a:ext cx="7772400" cy="3943867"/>
            </a:xfrm>
            <a:prstGeom prst="rect">
              <a:avLst/>
            </a:prstGeom>
            <a:gradFill>
              <a:gsLst>
                <a:gs pos="100000">
                  <a:schemeClr val="bg1">
                    <a:alpha val="0"/>
                  </a:schemeClr>
                </a:gs>
                <a:gs pos="11000">
                  <a:srgbClr val="9EC3E1"/>
                </a:gs>
              </a:gsLst>
              <a:lin ang="2700000" scaled="1"/>
            </a:gradFill>
            <a:effectLst>
              <a:softEdge rad="0"/>
            </a:effectLst>
          </p:spPr>
        </p:pic>
        <p:sp>
          <p:nvSpPr>
            <p:cNvPr id="65" name="Rectangle 64">
              <a:extLst>
                <a:ext uri="{FF2B5EF4-FFF2-40B4-BE49-F238E27FC236}">
                  <a16:creationId xmlns:a16="http://schemas.microsoft.com/office/drawing/2014/main" id="{85D41CB0-2D06-E99D-D7E5-D77281F97946}"/>
                </a:ext>
              </a:extLst>
            </p:cNvPr>
            <p:cNvSpPr/>
            <p:nvPr/>
          </p:nvSpPr>
          <p:spPr>
            <a:xfrm>
              <a:off x="4422775" y="0"/>
              <a:ext cx="3857553" cy="3943867"/>
            </a:xfrm>
            <a:prstGeom prst="rect">
              <a:avLst/>
            </a:prstGeom>
            <a:gradFill flip="none" rotWithShape="1">
              <a:gsLst>
                <a:gs pos="0">
                  <a:schemeClr val="bg1">
                    <a:alpha val="0"/>
                  </a:schemeClr>
                </a:gs>
                <a:gs pos="100000">
                  <a:schemeClr val="bg1"/>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grpSp>
        <p:nvGrpSpPr>
          <p:cNvPr id="34" name="Group 33">
            <a:extLst>
              <a:ext uri="{FF2B5EF4-FFF2-40B4-BE49-F238E27FC236}">
                <a16:creationId xmlns:a16="http://schemas.microsoft.com/office/drawing/2014/main" id="{A0AADE24-3DA5-D5BD-3262-4DE723DBF52E}"/>
              </a:ext>
            </a:extLst>
          </p:cNvPr>
          <p:cNvGrpSpPr/>
          <p:nvPr/>
        </p:nvGrpSpPr>
        <p:grpSpPr>
          <a:xfrm>
            <a:off x="3134977" y="-911832"/>
            <a:ext cx="7671684" cy="6590065"/>
            <a:chOff x="6410538" y="605361"/>
            <a:chExt cx="3633159" cy="3120925"/>
          </a:xfrm>
        </p:grpSpPr>
        <p:sp>
          <p:nvSpPr>
            <p:cNvPr id="27" name="Freeform 26">
              <a:extLst>
                <a:ext uri="{FF2B5EF4-FFF2-40B4-BE49-F238E27FC236}">
                  <a16:creationId xmlns:a16="http://schemas.microsoft.com/office/drawing/2014/main" id="{2690DD86-72F2-D593-DA7B-5D8B2FF2E2CF}"/>
                </a:ext>
              </a:extLst>
            </p:cNvPr>
            <p:cNvSpPr/>
            <p:nvPr/>
          </p:nvSpPr>
          <p:spPr>
            <a:xfrm>
              <a:off x="6410538" y="605361"/>
              <a:ext cx="3633159" cy="2423715"/>
            </a:xfrm>
            <a:custGeom>
              <a:avLst/>
              <a:gdLst>
                <a:gd name="connsiteX0" fmla="*/ 0 w 3633159"/>
                <a:gd name="connsiteY0" fmla="*/ 0 h 2423715"/>
                <a:gd name="connsiteX1" fmla="*/ 3588675 w 3633159"/>
                <a:gd name="connsiteY1" fmla="*/ 2390298 h 2423715"/>
                <a:gd name="connsiteX2" fmla="*/ 3575361 w 3633159"/>
                <a:gd name="connsiteY2" fmla="*/ 2361094 h 2423715"/>
                <a:gd name="connsiteX3" fmla="*/ 182987 w 3633159"/>
                <a:gd name="connsiteY3" fmla="*/ 170496 h 2423715"/>
                <a:gd name="connsiteX4" fmla="*/ 0 w 3633159"/>
                <a:gd name="connsiteY4" fmla="*/ 0 h 2423715"/>
                <a:gd name="connsiteX5" fmla="*/ 0 w 3633159"/>
                <a:gd name="connsiteY5" fmla="*/ 0 h 242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633159" h="2423715">
                  <a:moveTo>
                    <a:pt x="0" y="0"/>
                  </a:moveTo>
                  <a:cubicBezTo>
                    <a:pt x="494680" y="1634310"/>
                    <a:pt x="1865149" y="2621534"/>
                    <a:pt x="3588675" y="2390298"/>
                  </a:cubicBezTo>
                  <a:cubicBezTo>
                    <a:pt x="3588675" y="2390298"/>
                    <a:pt x="3697125" y="2342536"/>
                    <a:pt x="3575361" y="2361094"/>
                  </a:cubicBezTo>
                  <a:cubicBezTo>
                    <a:pt x="2590497" y="2511381"/>
                    <a:pt x="752944" y="2168397"/>
                    <a:pt x="182987" y="170496"/>
                  </a:cubicBezTo>
                  <a:cubicBezTo>
                    <a:pt x="182987" y="170496"/>
                    <a:pt x="0" y="0"/>
                    <a:pt x="0" y="0"/>
                  </a:cubicBezTo>
                  <a:lnTo>
                    <a:pt x="0" y="0"/>
                  </a:lnTo>
                  <a:close/>
                </a:path>
              </a:pathLst>
            </a:custGeom>
            <a:gradFill>
              <a:gsLst>
                <a:gs pos="56000">
                  <a:schemeClr val="bg1"/>
                </a:gs>
                <a:gs pos="0">
                  <a:schemeClr val="accent6"/>
                </a:gs>
              </a:gsLst>
              <a:lin ang="2700000" scaled="1"/>
            </a:gradFill>
            <a:ln w="5690" cap="flat">
              <a:noFill/>
              <a:prstDash val="solid"/>
              <a:miter/>
            </a:ln>
          </p:spPr>
          <p:txBody>
            <a:bodyPr rtlCol="0" anchor="ctr"/>
            <a:lstStyle/>
            <a:p>
              <a:endParaRPr lang="en-US"/>
            </a:p>
          </p:txBody>
        </p:sp>
        <p:sp>
          <p:nvSpPr>
            <p:cNvPr id="28" name="Freeform 27">
              <a:extLst>
                <a:ext uri="{FF2B5EF4-FFF2-40B4-BE49-F238E27FC236}">
                  <a16:creationId xmlns:a16="http://schemas.microsoft.com/office/drawing/2014/main" id="{BF7341A8-028D-DA92-A06C-28A143B9E5EB}"/>
                </a:ext>
              </a:extLst>
            </p:cNvPr>
            <p:cNvSpPr/>
            <p:nvPr/>
          </p:nvSpPr>
          <p:spPr>
            <a:xfrm>
              <a:off x="7881605" y="2238543"/>
              <a:ext cx="430383" cy="248258"/>
            </a:xfrm>
            <a:custGeom>
              <a:avLst/>
              <a:gdLst>
                <a:gd name="connsiteX0" fmla="*/ 430384 w 430383"/>
                <a:gd name="connsiteY0" fmla="*/ 13197 h 248258"/>
                <a:gd name="connsiteX1" fmla="*/ 0 w 430383"/>
                <a:gd name="connsiteY1" fmla="*/ 234016 h 248258"/>
                <a:gd name="connsiteX2" fmla="*/ 430384 w 430383"/>
                <a:gd name="connsiteY2" fmla="*/ 13197 h 248258"/>
                <a:gd name="connsiteX3" fmla="*/ 430384 w 430383"/>
                <a:gd name="connsiteY3" fmla="*/ 13197 h 248258"/>
              </a:gdLst>
              <a:ahLst/>
              <a:cxnLst>
                <a:cxn ang="0">
                  <a:pos x="connsiteX0" y="connsiteY0"/>
                </a:cxn>
                <a:cxn ang="0">
                  <a:pos x="connsiteX1" y="connsiteY1"/>
                </a:cxn>
                <a:cxn ang="0">
                  <a:pos x="connsiteX2" y="connsiteY2"/>
                </a:cxn>
                <a:cxn ang="0">
                  <a:pos x="connsiteX3" y="connsiteY3"/>
                </a:cxn>
              </a:cxnLst>
              <a:rect l="l" t="t" r="r" b="b"/>
              <a:pathLst>
                <a:path w="430383" h="248258">
                  <a:moveTo>
                    <a:pt x="430384" y="13197"/>
                  </a:moveTo>
                  <a:cubicBezTo>
                    <a:pt x="430384" y="13197"/>
                    <a:pt x="116586" y="-81017"/>
                    <a:pt x="0" y="234016"/>
                  </a:cubicBezTo>
                  <a:cubicBezTo>
                    <a:pt x="0" y="234016"/>
                    <a:pt x="315334" y="332158"/>
                    <a:pt x="430384" y="13197"/>
                  </a:cubicBezTo>
                  <a:lnTo>
                    <a:pt x="430384" y="13197"/>
                  </a:lnTo>
                  <a:close/>
                </a:path>
              </a:pathLst>
            </a:custGeom>
            <a:solidFill>
              <a:srgbClr val="B2B2B2"/>
            </a:solidFill>
            <a:ln w="5690" cap="flat">
              <a:noFill/>
              <a:prstDash val="solid"/>
              <a:miter/>
            </a:ln>
          </p:spPr>
          <p:txBody>
            <a:bodyPr rtlCol="0" anchor="ctr"/>
            <a:lstStyle/>
            <a:p>
              <a:endParaRPr lang="en-US"/>
            </a:p>
          </p:txBody>
        </p:sp>
        <p:sp>
          <p:nvSpPr>
            <p:cNvPr id="29" name="Freeform 28">
              <a:extLst>
                <a:ext uri="{FF2B5EF4-FFF2-40B4-BE49-F238E27FC236}">
                  <a16:creationId xmlns:a16="http://schemas.microsoft.com/office/drawing/2014/main" id="{AF26526C-E22A-20E8-0D4E-1E6332CE602B}"/>
                </a:ext>
              </a:extLst>
            </p:cNvPr>
            <p:cNvSpPr/>
            <p:nvPr/>
          </p:nvSpPr>
          <p:spPr>
            <a:xfrm>
              <a:off x="8339793" y="2265004"/>
              <a:ext cx="136229" cy="303191"/>
            </a:xfrm>
            <a:custGeom>
              <a:avLst/>
              <a:gdLst>
                <a:gd name="connsiteX0" fmla="*/ 120190 w 136229"/>
                <a:gd name="connsiteY0" fmla="*/ 303192 h 303191"/>
                <a:gd name="connsiteX1" fmla="*/ 16861 w 136229"/>
                <a:gd name="connsiteY1" fmla="*/ 0 h 303191"/>
                <a:gd name="connsiteX2" fmla="*/ 120190 w 136229"/>
                <a:gd name="connsiteY2" fmla="*/ 303192 h 303191"/>
                <a:gd name="connsiteX3" fmla="*/ 120190 w 136229"/>
                <a:gd name="connsiteY3" fmla="*/ 303192 h 303191"/>
              </a:gdLst>
              <a:ahLst/>
              <a:cxnLst>
                <a:cxn ang="0">
                  <a:pos x="connsiteX0" y="connsiteY0"/>
                </a:cxn>
                <a:cxn ang="0">
                  <a:pos x="connsiteX1" y="connsiteY1"/>
                </a:cxn>
                <a:cxn ang="0">
                  <a:pos x="connsiteX2" y="connsiteY2"/>
                </a:cxn>
                <a:cxn ang="0">
                  <a:pos x="connsiteX3" y="connsiteY3"/>
                </a:cxn>
              </a:cxnLst>
              <a:rect l="l" t="t" r="r" b="b"/>
              <a:pathLst>
                <a:path w="136229" h="303191">
                  <a:moveTo>
                    <a:pt x="120190" y="303192"/>
                  </a:moveTo>
                  <a:cubicBezTo>
                    <a:pt x="120190" y="303192"/>
                    <a:pt x="196321" y="103664"/>
                    <a:pt x="16861" y="0"/>
                  </a:cubicBezTo>
                  <a:cubicBezTo>
                    <a:pt x="16861" y="0"/>
                    <a:pt x="-61659" y="200268"/>
                    <a:pt x="120190" y="303192"/>
                  </a:cubicBezTo>
                  <a:lnTo>
                    <a:pt x="120190" y="303192"/>
                  </a:lnTo>
                  <a:close/>
                </a:path>
              </a:pathLst>
            </a:custGeom>
            <a:solidFill>
              <a:srgbClr val="B2B2B2"/>
            </a:solidFill>
            <a:ln w="5690" cap="flat">
              <a:noFill/>
              <a:prstDash val="solid"/>
              <a:miter/>
            </a:ln>
          </p:spPr>
          <p:txBody>
            <a:bodyPr rtlCol="0" anchor="ctr"/>
            <a:lstStyle/>
            <a:p>
              <a:endParaRPr lang="en-US"/>
            </a:p>
          </p:txBody>
        </p:sp>
        <p:sp>
          <p:nvSpPr>
            <p:cNvPr id="30" name="Freeform 29">
              <a:extLst>
                <a:ext uri="{FF2B5EF4-FFF2-40B4-BE49-F238E27FC236}">
                  <a16:creationId xmlns:a16="http://schemas.microsoft.com/office/drawing/2014/main" id="{E88AEA69-C6D6-3FE1-4105-AB643151E9EC}"/>
                </a:ext>
              </a:extLst>
            </p:cNvPr>
            <p:cNvSpPr/>
            <p:nvPr/>
          </p:nvSpPr>
          <p:spPr>
            <a:xfrm>
              <a:off x="7326953" y="1594274"/>
              <a:ext cx="668619" cy="405513"/>
            </a:xfrm>
            <a:custGeom>
              <a:avLst/>
              <a:gdLst>
                <a:gd name="connsiteX0" fmla="*/ 668620 w 668619"/>
                <a:gd name="connsiteY0" fmla="*/ 390023 h 405513"/>
                <a:gd name="connsiteX1" fmla="*/ 0 w 668619"/>
                <a:gd name="connsiteY1" fmla="*/ 16925 h 405513"/>
                <a:gd name="connsiteX2" fmla="*/ 668620 w 668619"/>
                <a:gd name="connsiteY2" fmla="*/ 390023 h 405513"/>
                <a:gd name="connsiteX3" fmla="*/ 668620 w 668619"/>
                <a:gd name="connsiteY3" fmla="*/ 390023 h 405513"/>
              </a:gdLst>
              <a:ahLst/>
              <a:cxnLst>
                <a:cxn ang="0">
                  <a:pos x="connsiteX0" y="connsiteY0"/>
                </a:cxn>
                <a:cxn ang="0">
                  <a:pos x="connsiteX1" y="connsiteY1"/>
                </a:cxn>
                <a:cxn ang="0">
                  <a:pos x="connsiteX2" y="connsiteY2"/>
                </a:cxn>
                <a:cxn ang="0">
                  <a:pos x="connsiteX3" y="connsiteY3"/>
                </a:cxn>
              </a:cxnLst>
              <a:rect l="l" t="t" r="r" b="b"/>
              <a:pathLst>
                <a:path w="668619" h="405513">
                  <a:moveTo>
                    <a:pt x="668620" y="390023"/>
                  </a:moveTo>
                  <a:cubicBezTo>
                    <a:pt x="668620" y="390023"/>
                    <a:pt x="167056" y="521752"/>
                    <a:pt x="0" y="16925"/>
                  </a:cubicBezTo>
                  <a:cubicBezTo>
                    <a:pt x="0" y="16925"/>
                    <a:pt x="504239" y="-120894"/>
                    <a:pt x="668620" y="390023"/>
                  </a:cubicBezTo>
                  <a:lnTo>
                    <a:pt x="668620" y="390023"/>
                  </a:lnTo>
                  <a:close/>
                </a:path>
              </a:pathLst>
            </a:custGeom>
            <a:solidFill>
              <a:schemeClr val="accent5"/>
            </a:solidFill>
            <a:ln w="5690" cap="flat">
              <a:noFill/>
              <a:prstDash val="solid"/>
              <a:miter/>
            </a:ln>
          </p:spPr>
          <p:txBody>
            <a:bodyPr rtlCol="0" anchor="ctr"/>
            <a:lstStyle/>
            <a:p>
              <a:endParaRPr lang="en-US"/>
            </a:p>
          </p:txBody>
        </p:sp>
        <p:grpSp>
          <p:nvGrpSpPr>
            <p:cNvPr id="31" name="Graphic 24">
              <a:extLst>
                <a:ext uri="{FF2B5EF4-FFF2-40B4-BE49-F238E27FC236}">
                  <a16:creationId xmlns:a16="http://schemas.microsoft.com/office/drawing/2014/main" id="{7867CBD3-F614-6077-F23B-1AE8017F852C}"/>
                </a:ext>
              </a:extLst>
            </p:cNvPr>
            <p:cNvGrpSpPr/>
            <p:nvPr/>
          </p:nvGrpSpPr>
          <p:grpSpPr>
            <a:xfrm>
              <a:off x="6451847" y="2016613"/>
              <a:ext cx="3550394" cy="1709673"/>
              <a:chOff x="6451847" y="2016613"/>
              <a:chExt cx="3550394" cy="1709673"/>
            </a:xfrm>
          </p:grpSpPr>
          <p:sp>
            <p:nvSpPr>
              <p:cNvPr id="32" name="Freeform 31">
                <a:extLst>
                  <a:ext uri="{FF2B5EF4-FFF2-40B4-BE49-F238E27FC236}">
                    <a16:creationId xmlns:a16="http://schemas.microsoft.com/office/drawing/2014/main" id="{FDCA5F1D-EBFE-BF31-AB1C-16896CC7031A}"/>
                  </a:ext>
                </a:extLst>
              </p:cNvPr>
              <p:cNvSpPr/>
              <p:nvPr/>
            </p:nvSpPr>
            <p:spPr>
              <a:xfrm>
                <a:off x="8431021" y="2016613"/>
                <a:ext cx="344750" cy="153678"/>
              </a:xfrm>
              <a:custGeom>
                <a:avLst/>
                <a:gdLst>
                  <a:gd name="connsiteX0" fmla="*/ 0 w 344750"/>
                  <a:gd name="connsiteY0" fmla="*/ 123892 h 153678"/>
                  <a:gd name="connsiteX1" fmla="*/ 344751 w 344750"/>
                  <a:gd name="connsiteY1" fmla="*/ 28767 h 153678"/>
                  <a:gd name="connsiteX2" fmla="*/ 0 w 344750"/>
                  <a:gd name="connsiteY2" fmla="*/ 123892 h 153678"/>
                  <a:gd name="connsiteX3" fmla="*/ 0 w 344750"/>
                  <a:gd name="connsiteY3" fmla="*/ 123892 h 153678"/>
                </a:gdLst>
                <a:ahLst/>
                <a:cxnLst>
                  <a:cxn ang="0">
                    <a:pos x="connsiteX0" y="connsiteY0"/>
                  </a:cxn>
                  <a:cxn ang="0">
                    <a:pos x="connsiteX1" y="connsiteY1"/>
                  </a:cxn>
                  <a:cxn ang="0">
                    <a:pos x="connsiteX2" y="connsiteY2"/>
                  </a:cxn>
                  <a:cxn ang="0">
                    <a:pos x="connsiteX3" y="connsiteY3"/>
                  </a:cxn>
                </a:cxnLst>
                <a:rect l="l" t="t" r="r" b="b"/>
                <a:pathLst>
                  <a:path w="344750" h="153678">
                    <a:moveTo>
                      <a:pt x="0" y="123892"/>
                    </a:moveTo>
                    <a:cubicBezTo>
                      <a:pt x="0" y="123892"/>
                      <a:pt x="136273" y="-71879"/>
                      <a:pt x="344751" y="28767"/>
                    </a:cubicBezTo>
                    <a:cubicBezTo>
                      <a:pt x="344751" y="28767"/>
                      <a:pt x="209331" y="227157"/>
                      <a:pt x="0" y="123892"/>
                    </a:cubicBezTo>
                    <a:lnTo>
                      <a:pt x="0" y="123892"/>
                    </a:lnTo>
                    <a:close/>
                  </a:path>
                </a:pathLst>
              </a:custGeom>
              <a:solidFill>
                <a:srgbClr val="B2B2B2"/>
              </a:solidFill>
              <a:ln w="5690" cap="flat">
                <a:noFill/>
                <a:prstDash val="solid"/>
                <a:miter/>
              </a:ln>
            </p:spPr>
            <p:txBody>
              <a:bodyPr rtlCol="0" anchor="ctr"/>
              <a:lstStyle/>
              <a:p>
                <a:endParaRPr lang="en-US"/>
              </a:p>
            </p:txBody>
          </p:sp>
          <p:sp>
            <p:nvSpPr>
              <p:cNvPr id="33" name="Freeform 32">
                <a:extLst>
                  <a:ext uri="{FF2B5EF4-FFF2-40B4-BE49-F238E27FC236}">
                    <a16:creationId xmlns:a16="http://schemas.microsoft.com/office/drawing/2014/main" id="{D106CC8F-836C-84B4-C13D-949DE7EE47AC}"/>
                  </a:ext>
                </a:extLst>
              </p:cNvPr>
              <p:cNvSpPr/>
              <p:nvPr/>
            </p:nvSpPr>
            <p:spPr>
              <a:xfrm>
                <a:off x="6451847" y="2034820"/>
                <a:ext cx="3550394" cy="1691466"/>
              </a:xfrm>
              <a:custGeom>
                <a:avLst/>
                <a:gdLst>
                  <a:gd name="connsiteX0" fmla="*/ 0 w 3550394"/>
                  <a:gd name="connsiteY0" fmla="*/ 148608 h 1691466"/>
                  <a:gd name="connsiteX1" fmla="*/ 3546969 w 3550394"/>
                  <a:gd name="connsiteY1" fmla="*/ 1643789 h 1691466"/>
                  <a:gd name="connsiteX2" fmla="*/ 3518746 w 3550394"/>
                  <a:gd name="connsiteY2" fmla="*/ 1648172 h 1691466"/>
                  <a:gd name="connsiteX3" fmla="*/ 216956 w 3550394"/>
                  <a:gd name="connsiteY3" fmla="*/ 200866 h 1691466"/>
                  <a:gd name="connsiteX4" fmla="*/ 0 w 3550394"/>
                  <a:gd name="connsiteY4" fmla="*/ 148608 h 1691466"/>
                  <a:gd name="connsiteX5" fmla="*/ 0 w 3550394"/>
                  <a:gd name="connsiteY5" fmla="*/ 148608 h 16914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50394" h="1691466">
                    <a:moveTo>
                      <a:pt x="0" y="148608"/>
                    </a:moveTo>
                    <a:cubicBezTo>
                      <a:pt x="1459800" y="-288191"/>
                      <a:pt x="2869757" y="246066"/>
                      <a:pt x="3546969" y="1643789"/>
                    </a:cubicBezTo>
                    <a:cubicBezTo>
                      <a:pt x="3546969" y="1643789"/>
                      <a:pt x="3564891" y="1748079"/>
                      <a:pt x="3518746" y="1648172"/>
                    </a:cubicBezTo>
                    <a:cubicBezTo>
                      <a:pt x="3145205" y="840495"/>
                      <a:pt x="1984523" y="-359122"/>
                      <a:pt x="216956" y="200866"/>
                    </a:cubicBezTo>
                    <a:cubicBezTo>
                      <a:pt x="216956" y="200866"/>
                      <a:pt x="0" y="148608"/>
                      <a:pt x="0" y="148608"/>
                    </a:cubicBezTo>
                    <a:lnTo>
                      <a:pt x="0" y="148608"/>
                    </a:lnTo>
                    <a:close/>
                  </a:path>
                </a:pathLst>
              </a:custGeom>
              <a:gradFill>
                <a:gsLst>
                  <a:gs pos="15000">
                    <a:schemeClr val="bg1">
                      <a:alpha val="0"/>
                    </a:schemeClr>
                  </a:gs>
                  <a:gs pos="69000">
                    <a:schemeClr val="accent1"/>
                  </a:gs>
                </a:gsLst>
                <a:lin ang="2700000" scaled="1"/>
              </a:gradFill>
              <a:ln w="5690" cap="flat">
                <a:noFill/>
                <a:prstDash val="solid"/>
                <a:miter/>
              </a:ln>
            </p:spPr>
            <p:txBody>
              <a:bodyPr rtlCol="0" anchor="ctr"/>
              <a:lstStyle/>
              <a:p>
                <a:endParaRPr lang="en-US" dirty="0"/>
              </a:p>
            </p:txBody>
          </p:sp>
        </p:grpSp>
      </p:grpSp>
      <p:sp>
        <p:nvSpPr>
          <p:cNvPr id="46" name="Rectangle 45">
            <a:extLst>
              <a:ext uri="{FF2B5EF4-FFF2-40B4-BE49-F238E27FC236}">
                <a16:creationId xmlns:a16="http://schemas.microsoft.com/office/drawing/2014/main" id="{1F2D1A2A-A4E9-DD12-6FB4-8EEEB6641B01}"/>
              </a:ext>
            </a:extLst>
          </p:cNvPr>
          <p:cNvSpPr/>
          <p:nvPr/>
        </p:nvSpPr>
        <p:spPr>
          <a:xfrm>
            <a:off x="0" y="3947406"/>
            <a:ext cx="12192000" cy="243205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72" name="Rectangle 71">
            <a:extLst>
              <a:ext uri="{FF2B5EF4-FFF2-40B4-BE49-F238E27FC236}">
                <a16:creationId xmlns:a16="http://schemas.microsoft.com/office/drawing/2014/main" id="{876C5D27-A60D-4964-94E9-2A54BF3D9F1B}"/>
              </a:ext>
            </a:extLst>
          </p:cNvPr>
          <p:cNvSpPr/>
          <p:nvPr/>
        </p:nvSpPr>
        <p:spPr>
          <a:xfrm>
            <a:off x="708311"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3" name="Rectangle 72">
            <a:extLst>
              <a:ext uri="{FF2B5EF4-FFF2-40B4-BE49-F238E27FC236}">
                <a16:creationId xmlns:a16="http://schemas.microsoft.com/office/drawing/2014/main" id="{105B7CD2-AFDB-834D-8F9E-3464D3AE945F}"/>
              </a:ext>
            </a:extLst>
          </p:cNvPr>
          <p:cNvSpPr/>
          <p:nvPr/>
        </p:nvSpPr>
        <p:spPr>
          <a:xfrm>
            <a:off x="3442685"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4" name="Rectangle 73">
            <a:extLst>
              <a:ext uri="{FF2B5EF4-FFF2-40B4-BE49-F238E27FC236}">
                <a16:creationId xmlns:a16="http://schemas.microsoft.com/office/drawing/2014/main" id="{810646DF-F7FD-64B3-A907-9A158D1D5B2F}"/>
              </a:ext>
            </a:extLst>
          </p:cNvPr>
          <p:cNvSpPr/>
          <p:nvPr/>
        </p:nvSpPr>
        <p:spPr>
          <a:xfrm>
            <a:off x="6177059"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5" name="Rectangle 74">
            <a:extLst>
              <a:ext uri="{FF2B5EF4-FFF2-40B4-BE49-F238E27FC236}">
                <a16:creationId xmlns:a16="http://schemas.microsoft.com/office/drawing/2014/main" id="{C3E406A5-DA64-1CC5-ACC0-44BFE5E1A8EC}"/>
              </a:ext>
            </a:extLst>
          </p:cNvPr>
          <p:cNvSpPr/>
          <p:nvPr/>
        </p:nvSpPr>
        <p:spPr>
          <a:xfrm>
            <a:off x="8911432"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6" name="Date Placeholder 5">
            <a:extLst>
              <a:ext uri="{FF2B5EF4-FFF2-40B4-BE49-F238E27FC236}">
                <a16:creationId xmlns:a16="http://schemas.microsoft.com/office/drawing/2014/main" id="{588ECAB5-2E16-C646-A68D-772D31D80B90}"/>
              </a:ext>
            </a:extLst>
          </p:cNvPr>
          <p:cNvSpPr>
            <a:spLocks noGrp="1"/>
          </p:cNvSpPr>
          <p:nvPr>
            <p:ph type="dt" sz="half" idx="10"/>
          </p:nvPr>
        </p:nvSpPr>
        <p:spPr/>
        <p:txBody>
          <a:bodyPr/>
          <a:lstStyle/>
          <a:p>
            <a:fld id="{EACFDFB6-8245-AF4D-AF6A-1DFDBD35913D}" type="datetime4">
              <a:rPr lang="en-US"/>
              <a:pPr/>
              <a:t>September 8, 2023</a:t>
            </a:fld>
            <a:endParaRPr lang="en-GB" dirty="0"/>
          </a:p>
        </p:txBody>
      </p:sp>
      <p:sp>
        <p:nvSpPr>
          <p:cNvPr id="8" name="Slide Number Placeholder 7">
            <a:extLst>
              <a:ext uri="{FF2B5EF4-FFF2-40B4-BE49-F238E27FC236}">
                <a16:creationId xmlns:a16="http://schemas.microsoft.com/office/drawing/2014/main" id="{9C8B23DD-53BF-6D4A-BA90-637F444D8991}"/>
              </a:ext>
            </a:extLst>
          </p:cNvPr>
          <p:cNvSpPr>
            <a:spLocks noGrp="1"/>
          </p:cNvSpPr>
          <p:nvPr>
            <p:ph type="sldNum" sz="quarter" idx="11"/>
          </p:nvPr>
        </p:nvSpPr>
        <p:spPr/>
        <p:txBody>
          <a:bodyPr/>
          <a:lstStyle/>
          <a:p>
            <a:fld id="{23AA811B-2EBD-4900-905E-5BE206449611}" type="slidenum">
              <a:rPr lang="en-GB"/>
              <a:pPr/>
              <a:t>5</a:t>
            </a:fld>
            <a:endParaRPr lang="en-GB" dirty="0"/>
          </a:p>
        </p:txBody>
      </p:sp>
      <p:sp>
        <p:nvSpPr>
          <p:cNvPr id="18" name="Text Placeholder 5">
            <a:extLst>
              <a:ext uri="{FF2B5EF4-FFF2-40B4-BE49-F238E27FC236}">
                <a16:creationId xmlns:a16="http://schemas.microsoft.com/office/drawing/2014/main" id="{4C39EF69-2672-7E1F-88E3-7220D47C1314}"/>
              </a:ext>
            </a:extLst>
          </p:cNvPr>
          <p:cNvSpPr txBox="1">
            <a:spLocks/>
          </p:cNvSpPr>
          <p:nvPr/>
        </p:nvSpPr>
        <p:spPr>
          <a:xfrm>
            <a:off x="716169" y="4800484"/>
            <a:ext cx="2572257"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Reflect our</a:t>
            </a:r>
            <a:br>
              <a:rPr lang="en-US" dirty="0">
                <a:solidFill>
                  <a:schemeClr val="accent1"/>
                </a:solidFill>
                <a:latin typeface="+mj-lt"/>
              </a:rPr>
            </a:br>
            <a:r>
              <a:rPr lang="en-US" dirty="0">
                <a:solidFill>
                  <a:schemeClr val="accent1"/>
                </a:solidFill>
                <a:latin typeface="+mj-lt"/>
              </a:rPr>
              <a:t>Community</a:t>
            </a:r>
          </a:p>
        </p:txBody>
      </p:sp>
      <p:sp>
        <p:nvSpPr>
          <p:cNvPr id="19" name="Text Placeholder 5">
            <a:extLst>
              <a:ext uri="{FF2B5EF4-FFF2-40B4-BE49-F238E27FC236}">
                <a16:creationId xmlns:a16="http://schemas.microsoft.com/office/drawing/2014/main" id="{AFC37AB6-8D2A-1F34-169B-3261AA8E51BD}"/>
              </a:ext>
            </a:extLst>
          </p:cNvPr>
          <p:cNvSpPr txBox="1">
            <a:spLocks/>
          </p:cNvSpPr>
          <p:nvPr/>
        </p:nvSpPr>
        <p:spPr>
          <a:xfrm>
            <a:off x="3450543" y="4800484"/>
            <a:ext cx="2564400"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Give all Penn Medicine patients access to all</a:t>
            </a:r>
            <a:br>
              <a:rPr lang="en-US" dirty="0">
                <a:solidFill>
                  <a:schemeClr val="accent1"/>
                </a:solidFill>
                <a:latin typeface="+mj-lt"/>
              </a:rPr>
            </a:br>
            <a:r>
              <a:rPr lang="en-US" dirty="0">
                <a:solidFill>
                  <a:schemeClr val="accent1"/>
                </a:solidFill>
                <a:latin typeface="+mj-lt"/>
              </a:rPr>
              <a:t>of Penn Medicine</a:t>
            </a:r>
          </a:p>
        </p:txBody>
      </p:sp>
      <p:sp>
        <p:nvSpPr>
          <p:cNvPr id="20" name="Text Placeholder 5">
            <a:extLst>
              <a:ext uri="{FF2B5EF4-FFF2-40B4-BE49-F238E27FC236}">
                <a16:creationId xmlns:a16="http://schemas.microsoft.com/office/drawing/2014/main" id="{702C2CE2-F2FF-7C31-539C-B94750581D9B}"/>
              </a:ext>
            </a:extLst>
          </p:cNvPr>
          <p:cNvSpPr txBox="1">
            <a:spLocks/>
          </p:cNvSpPr>
          <p:nvPr/>
        </p:nvSpPr>
        <p:spPr>
          <a:xfrm>
            <a:off x="6163060" y="4800484"/>
            <a:ext cx="2586256"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Model workforce humanity</a:t>
            </a:r>
          </a:p>
        </p:txBody>
      </p:sp>
      <p:sp>
        <p:nvSpPr>
          <p:cNvPr id="21" name="Text Placeholder 5">
            <a:extLst>
              <a:ext uri="{FF2B5EF4-FFF2-40B4-BE49-F238E27FC236}">
                <a16:creationId xmlns:a16="http://schemas.microsoft.com/office/drawing/2014/main" id="{53C27F5D-D43F-340F-2BFB-9732CA3BC59A}"/>
              </a:ext>
            </a:extLst>
          </p:cNvPr>
          <p:cNvSpPr txBox="1">
            <a:spLocks/>
          </p:cNvSpPr>
          <p:nvPr/>
        </p:nvSpPr>
        <p:spPr>
          <a:xfrm>
            <a:off x="8911433" y="4800484"/>
            <a:ext cx="2558256"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Establish</a:t>
            </a:r>
            <a:br>
              <a:rPr lang="en-US" dirty="0">
                <a:solidFill>
                  <a:schemeClr val="accent1"/>
                </a:solidFill>
                <a:latin typeface="+mj-lt"/>
              </a:rPr>
            </a:br>
            <a:r>
              <a:rPr lang="en-US" dirty="0">
                <a:solidFill>
                  <a:schemeClr val="accent1"/>
                </a:solidFill>
                <a:latin typeface="+mj-lt"/>
              </a:rPr>
              <a:t>accountability</a:t>
            </a:r>
            <a:br>
              <a:rPr lang="en-US" dirty="0">
                <a:solidFill>
                  <a:schemeClr val="accent1"/>
                </a:solidFill>
                <a:latin typeface="+mj-lt"/>
              </a:rPr>
            </a:br>
            <a:r>
              <a:rPr lang="en-US" dirty="0">
                <a:solidFill>
                  <a:schemeClr val="accent1"/>
                </a:solidFill>
                <a:latin typeface="+mj-lt"/>
              </a:rPr>
              <a:t>for equity</a:t>
            </a:r>
          </a:p>
        </p:txBody>
      </p:sp>
      <p:sp>
        <p:nvSpPr>
          <p:cNvPr id="5" name="Text Placeholder 5">
            <a:extLst>
              <a:ext uri="{FF2B5EF4-FFF2-40B4-BE49-F238E27FC236}">
                <a16:creationId xmlns:a16="http://schemas.microsoft.com/office/drawing/2014/main" id="{2C3CFED5-792B-CE55-2EE8-A70667C66194}"/>
              </a:ext>
            </a:extLst>
          </p:cNvPr>
          <p:cNvSpPr txBox="1">
            <a:spLocks/>
          </p:cNvSpPr>
          <p:nvPr/>
        </p:nvSpPr>
        <p:spPr>
          <a:xfrm>
            <a:off x="716544" y="3612604"/>
            <a:ext cx="2430825" cy="430509"/>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4"/>
            <a:r>
              <a:rPr lang="en-US" sz="2400" b="0" dirty="0">
                <a:solidFill>
                  <a:srgbClr val="EE9E4B"/>
                </a:solidFill>
                <a:latin typeface="+mj-lt"/>
              </a:rPr>
              <a:t>Goals</a:t>
            </a:r>
          </a:p>
        </p:txBody>
      </p:sp>
      <p:sp>
        <p:nvSpPr>
          <p:cNvPr id="7" name="Rectangle 6">
            <a:extLst>
              <a:ext uri="{FF2B5EF4-FFF2-40B4-BE49-F238E27FC236}">
                <a16:creationId xmlns:a16="http://schemas.microsoft.com/office/drawing/2014/main" id="{DB57C49D-AF1B-8120-B5BD-2B9588190E29}"/>
              </a:ext>
            </a:extLst>
          </p:cNvPr>
          <p:cNvSpPr/>
          <p:nvPr/>
        </p:nvSpPr>
        <p:spPr>
          <a:xfrm>
            <a:off x="0" y="3915291"/>
            <a:ext cx="12192000" cy="45719"/>
          </a:xfrm>
          <a:prstGeom prst="rect">
            <a:avLst/>
          </a:prstGeom>
          <a:gradFill flip="none" rotWithShape="1">
            <a:gsLst>
              <a:gs pos="0">
                <a:schemeClr val="accent1"/>
              </a:gs>
              <a:gs pos="50000">
                <a:schemeClr val="accent3"/>
              </a:gs>
              <a:gs pos="99000">
                <a:schemeClr val="accent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nvGrpSpPr>
          <p:cNvPr id="10" name="Group 9">
            <a:extLst>
              <a:ext uri="{FF2B5EF4-FFF2-40B4-BE49-F238E27FC236}">
                <a16:creationId xmlns:a16="http://schemas.microsoft.com/office/drawing/2014/main" id="{3CF459E8-D538-9D63-D9F9-1380746D31A5}"/>
              </a:ext>
            </a:extLst>
          </p:cNvPr>
          <p:cNvGrpSpPr/>
          <p:nvPr/>
        </p:nvGrpSpPr>
        <p:grpSpPr>
          <a:xfrm>
            <a:off x="2438064" y="3429000"/>
            <a:ext cx="696913" cy="1036813"/>
            <a:chOff x="2485305" y="3727610"/>
            <a:chExt cx="696913" cy="1036813"/>
          </a:xfrm>
        </p:grpSpPr>
        <p:sp>
          <p:nvSpPr>
            <p:cNvPr id="9" name="Content Placeholder 11">
              <a:extLst>
                <a:ext uri="{FF2B5EF4-FFF2-40B4-BE49-F238E27FC236}">
                  <a16:creationId xmlns:a16="http://schemas.microsoft.com/office/drawing/2014/main" id="{5D3FCD77-40E4-DD89-9F3D-2D5BC0DF8A7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3" name="Content Placeholder 11">
              <a:extLst>
                <a:ext uri="{FF2B5EF4-FFF2-40B4-BE49-F238E27FC236}">
                  <a16:creationId xmlns:a16="http://schemas.microsoft.com/office/drawing/2014/main" id="{84822184-D038-D904-4F20-3356128645E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A42036"/>
            </a:solidFill>
            <a:ln w="5963" cap="flat">
              <a:noFill/>
              <a:prstDash val="solid"/>
              <a:miter/>
            </a:ln>
          </p:spPr>
          <p:txBody>
            <a:bodyPr rtlCol="0" anchor="ctr"/>
            <a:lstStyle/>
            <a:p>
              <a:endParaRPr lang="en-US"/>
            </a:p>
          </p:txBody>
        </p:sp>
      </p:grpSp>
      <p:grpSp>
        <p:nvGrpSpPr>
          <p:cNvPr id="11" name="Group 10">
            <a:extLst>
              <a:ext uri="{FF2B5EF4-FFF2-40B4-BE49-F238E27FC236}">
                <a16:creationId xmlns:a16="http://schemas.microsoft.com/office/drawing/2014/main" id="{CEB0665A-DD12-CB8F-1407-354C59814E91}"/>
              </a:ext>
            </a:extLst>
          </p:cNvPr>
          <p:cNvGrpSpPr/>
          <p:nvPr/>
        </p:nvGrpSpPr>
        <p:grpSpPr>
          <a:xfrm>
            <a:off x="7964644" y="3429000"/>
            <a:ext cx="696913" cy="1036813"/>
            <a:chOff x="2485305" y="3727610"/>
            <a:chExt cx="696913" cy="1036813"/>
          </a:xfrm>
        </p:grpSpPr>
        <p:sp>
          <p:nvSpPr>
            <p:cNvPr id="12" name="Content Placeholder 11">
              <a:extLst>
                <a:ext uri="{FF2B5EF4-FFF2-40B4-BE49-F238E27FC236}">
                  <a16:creationId xmlns:a16="http://schemas.microsoft.com/office/drawing/2014/main" id="{E4E240AB-8E76-9866-7A9C-C82203393B62}"/>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13" name="Content Placeholder 11">
              <a:extLst>
                <a:ext uri="{FF2B5EF4-FFF2-40B4-BE49-F238E27FC236}">
                  <a16:creationId xmlns:a16="http://schemas.microsoft.com/office/drawing/2014/main" id="{D59F2E9B-206B-F39C-44A7-7B3C7989C3F0}"/>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A42036"/>
            </a:solidFill>
            <a:ln w="5963" cap="flat">
              <a:noFill/>
              <a:prstDash val="solid"/>
              <a:miter/>
            </a:ln>
          </p:spPr>
          <p:txBody>
            <a:bodyPr rtlCol="0" anchor="ctr"/>
            <a:lstStyle/>
            <a:p>
              <a:endParaRPr lang="en-US"/>
            </a:p>
          </p:txBody>
        </p:sp>
      </p:grpSp>
      <p:sp>
        <p:nvSpPr>
          <p:cNvPr id="37" name="Text Placeholder 5">
            <a:extLst>
              <a:ext uri="{FF2B5EF4-FFF2-40B4-BE49-F238E27FC236}">
                <a16:creationId xmlns:a16="http://schemas.microsoft.com/office/drawing/2014/main" id="{579366DF-3C81-8DFA-2088-649B638138FA}"/>
              </a:ext>
            </a:extLst>
          </p:cNvPr>
          <p:cNvSpPr txBox="1">
            <a:spLocks/>
          </p:cNvSpPr>
          <p:nvPr/>
        </p:nvSpPr>
        <p:spPr>
          <a:xfrm>
            <a:off x="2594830"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1</a:t>
            </a:r>
          </a:p>
        </p:txBody>
      </p:sp>
      <p:pic>
        <p:nvPicPr>
          <p:cNvPr id="4" name="Picture 3" descr="A black background with red and blue text&#10;&#10;Description automatically generated">
            <a:extLst>
              <a:ext uri="{FF2B5EF4-FFF2-40B4-BE49-F238E27FC236}">
                <a16:creationId xmlns:a16="http://schemas.microsoft.com/office/drawing/2014/main" id="{B5EF9CD0-A9EA-795D-AE67-F4FBB1933227}"/>
              </a:ext>
            </a:extLst>
          </p:cNvPr>
          <p:cNvPicPr>
            <a:picLocks noChangeAspect="1"/>
          </p:cNvPicPr>
          <p:nvPr/>
        </p:nvPicPr>
        <p:blipFill rotWithShape="1">
          <a:blip r:embed="rId6">
            <a:extLst>
              <a:ext uri="{28A0092B-C50C-407E-A947-70E740481C1C}">
                <a14:useLocalDpi xmlns:a14="http://schemas.microsoft.com/office/drawing/2010/main"/>
              </a:ext>
            </a:extLst>
          </a:blip>
          <a:srcRect/>
          <a:stretch/>
        </p:blipFill>
        <p:spPr>
          <a:xfrm>
            <a:off x="615787" y="719138"/>
            <a:ext cx="4017660" cy="1497430"/>
          </a:xfrm>
          <a:prstGeom prst="rect">
            <a:avLst/>
          </a:prstGeom>
        </p:spPr>
      </p:pic>
      <p:sp>
        <p:nvSpPr>
          <p:cNvPr id="23" name="Text Placeholder 5">
            <a:extLst>
              <a:ext uri="{FF2B5EF4-FFF2-40B4-BE49-F238E27FC236}">
                <a16:creationId xmlns:a16="http://schemas.microsoft.com/office/drawing/2014/main" id="{CCE16350-119B-12FF-F067-068705652027}"/>
              </a:ext>
            </a:extLst>
          </p:cNvPr>
          <p:cNvSpPr txBox="1">
            <a:spLocks/>
          </p:cNvSpPr>
          <p:nvPr/>
        </p:nvSpPr>
        <p:spPr>
          <a:xfrm>
            <a:off x="728661" y="2198488"/>
            <a:ext cx="4854159" cy="937889"/>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r>
              <a:rPr lang="en-US" dirty="0">
                <a:solidFill>
                  <a:schemeClr val="accent2"/>
                </a:solidFill>
                <a:latin typeface="+mj-lt"/>
              </a:rPr>
              <a:t>The equitable distribution of health and health care are essential elements of justice. We will treat all of our staff, all of our patients, all of our students, and all of our communities with dedication and compassion. </a:t>
            </a:r>
          </a:p>
        </p:txBody>
      </p:sp>
      <p:grpSp>
        <p:nvGrpSpPr>
          <p:cNvPr id="43" name="Group 42">
            <a:extLst>
              <a:ext uri="{FF2B5EF4-FFF2-40B4-BE49-F238E27FC236}">
                <a16:creationId xmlns:a16="http://schemas.microsoft.com/office/drawing/2014/main" id="{53B8286C-9856-A6B2-B778-1162A282E8DA}"/>
              </a:ext>
            </a:extLst>
          </p:cNvPr>
          <p:cNvGrpSpPr/>
          <p:nvPr/>
        </p:nvGrpSpPr>
        <p:grpSpPr>
          <a:xfrm rot="20178347">
            <a:off x="6480581" y="268239"/>
            <a:ext cx="1236569" cy="1839671"/>
            <a:chOff x="2485305" y="3727610"/>
            <a:chExt cx="696913" cy="1036813"/>
          </a:xfrm>
        </p:grpSpPr>
        <p:sp>
          <p:nvSpPr>
            <p:cNvPr id="44" name="Content Placeholder 11">
              <a:extLst>
                <a:ext uri="{FF2B5EF4-FFF2-40B4-BE49-F238E27FC236}">
                  <a16:creationId xmlns:a16="http://schemas.microsoft.com/office/drawing/2014/main" id="{4C98C310-8624-F29D-1469-56E64C7779B4}"/>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45" name="Content Placeholder 11">
              <a:extLst>
                <a:ext uri="{FF2B5EF4-FFF2-40B4-BE49-F238E27FC236}">
                  <a16:creationId xmlns:a16="http://schemas.microsoft.com/office/drawing/2014/main" id="{0EB1BF54-B0F7-A7FB-3C8F-2D8215A9EDB5}"/>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A42036"/>
            </a:solidFill>
            <a:ln w="5963" cap="flat">
              <a:noFill/>
              <a:prstDash val="solid"/>
              <a:miter/>
            </a:ln>
          </p:spPr>
          <p:txBody>
            <a:bodyPr rtlCol="0" anchor="ctr"/>
            <a:lstStyle/>
            <a:p>
              <a:endParaRPr lang="en-US"/>
            </a:p>
          </p:txBody>
        </p:sp>
      </p:grpSp>
      <p:grpSp>
        <p:nvGrpSpPr>
          <p:cNvPr id="47" name="Group 46">
            <a:extLst>
              <a:ext uri="{FF2B5EF4-FFF2-40B4-BE49-F238E27FC236}">
                <a16:creationId xmlns:a16="http://schemas.microsoft.com/office/drawing/2014/main" id="{8B98CB27-1371-969F-B33D-0D119BC54A78}"/>
              </a:ext>
            </a:extLst>
          </p:cNvPr>
          <p:cNvGrpSpPr/>
          <p:nvPr/>
        </p:nvGrpSpPr>
        <p:grpSpPr>
          <a:xfrm>
            <a:off x="5201354" y="3429000"/>
            <a:ext cx="696913" cy="1036813"/>
            <a:chOff x="2485305" y="3727610"/>
            <a:chExt cx="696913" cy="1036813"/>
          </a:xfrm>
        </p:grpSpPr>
        <p:sp>
          <p:nvSpPr>
            <p:cNvPr id="48" name="Content Placeholder 11">
              <a:extLst>
                <a:ext uri="{FF2B5EF4-FFF2-40B4-BE49-F238E27FC236}">
                  <a16:creationId xmlns:a16="http://schemas.microsoft.com/office/drawing/2014/main" id="{61E9E7D7-D337-384B-A26F-8627CE5AC5AD}"/>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50" name="Content Placeholder 11">
              <a:extLst>
                <a:ext uri="{FF2B5EF4-FFF2-40B4-BE49-F238E27FC236}">
                  <a16:creationId xmlns:a16="http://schemas.microsoft.com/office/drawing/2014/main" id="{66243E69-FF46-8584-1A86-0C25DAF8F81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A42036"/>
            </a:solidFill>
            <a:ln w="5963" cap="flat">
              <a:noFill/>
              <a:prstDash val="solid"/>
              <a:miter/>
            </a:ln>
          </p:spPr>
          <p:txBody>
            <a:bodyPr rtlCol="0" anchor="ctr"/>
            <a:lstStyle/>
            <a:p>
              <a:endParaRPr lang="en-US"/>
            </a:p>
          </p:txBody>
        </p:sp>
      </p:grpSp>
      <p:grpSp>
        <p:nvGrpSpPr>
          <p:cNvPr id="54" name="Group 53">
            <a:extLst>
              <a:ext uri="{FF2B5EF4-FFF2-40B4-BE49-F238E27FC236}">
                <a16:creationId xmlns:a16="http://schemas.microsoft.com/office/drawing/2014/main" id="{DD9D2B3C-6BAA-AC32-A908-09BAF2754DF3}"/>
              </a:ext>
            </a:extLst>
          </p:cNvPr>
          <p:cNvGrpSpPr/>
          <p:nvPr/>
        </p:nvGrpSpPr>
        <p:grpSpPr>
          <a:xfrm>
            <a:off x="10727934" y="3429000"/>
            <a:ext cx="696913" cy="1036813"/>
            <a:chOff x="2485305" y="3727610"/>
            <a:chExt cx="696913" cy="1036813"/>
          </a:xfrm>
        </p:grpSpPr>
        <p:sp>
          <p:nvSpPr>
            <p:cNvPr id="57" name="Content Placeholder 11">
              <a:extLst>
                <a:ext uri="{FF2B5EF4-FFF2-40B4-BE49-F238E27FC236}">
                  <a16:creationId xmlns:a16="http://schemas.microsoft.com/office/drawing/2014/main" id="{56132545-6F55-5D81-7761-B1DDE4F45F40}"/>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59" name="Content Placeholder 11">
              <a:extLst>
                <a:ext uri="{FF2B5EF4-FFF2-40B4-BE49-F238E27FC236}">
                  <a16:creationId xmlns:a16="http://schemas.microsoft.com/office/drawing/2014/main" id="{802E6817-ACC5-3B7F-069B-950F0FE1B1D4}"/>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A42036"/>
            </a:solidFill>
            <a:ln w="5963" cap="flat">
              <a:noFill/>
              <a:prstDash val="solid"/>
              <a:miter/>
            </a:ln>
          </p:spPr>
          <p:txBody>
            <a:bodyPr rtlCol="0" anchor="ctr"/>
            <a:lstStyle/>
            <a:p>
              <a:endParaRPr lang="en-US"/>
            </a:p>
          </p:txBody>
        </p:sp>
      </p:grpSp>
      <p:sp>
        <p:nvSpPr>
          <p:cNvPr id="38" name="Text Placeholder 5">
            <a:extLst>
              <a:ext uri="{FF2B5EF4-FFF2-40B4-BE49-F238E27FC236}">
                <a16:creationId xmlns:a16="http://schemas.microsoft.com/office/drawing/2014/main" id="{C01C3626-3D7B-9B0A-8262-58DB0AF5F811}"/>
              </a:ext>
            </a:extLst>
          </p:cNvPr>
          <p:cNvSpPr txBox="1">
            <a:spLocks/>
          </p:cNvSpPr>
          <p:nvPr/>
        </p:nvSpPr>
        <p:spPr>
          <a:xfrm>
            <a:off x="5355837"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2</a:t>
            </a:r>
          </a:p>
        </p:txBody>
      </p:sp>
      <p:sp>
        <p:nvSpPr>
          <p:cNvPr id="39" name="Text Placeholder 5">
            <a:extLst>
              <a:ext uri="{FF2B5EF4-FFF2-40B4-BE49-F238E27FC236}">
                <a16:creationId xmlns:a16="http://schemas.microsoft.com/office/drawing/2014/main" id="{BA471C7D-76CD-B897-BA0B-86AEA3E10383}"/>
              </a:ext>
            </a:extLst>
          </p:cNvPr>
          <p:cNvSpPr txBox="1">
            <a:spLocks/>
          </p:cNvSpPr>
          <p:nvPr/>
        </p:nvSpPr>
        <p:spPr>
          <a:xfrm>
            <a:off x="8130372"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3</a:t>
            </a:r>
          </a:p>
        </p:txBody>
      </p:sp>
      <p:sp>
        <p:nvSpPr>
          <p:cNvPr id="40" name="Text Placeholder 5">
            <a:extLst>
              <a:ext uri="{FF2B5EF4-FFF2-40B4-BE49-F238E27FC236}">
                <a16:creationId xmlns:a16="http://schemas.microsoft.com/office/drawing/2014/main" id="{133381A5-3342-36F0-A0C3-5BC98B1403F9}"/>
              </a:ext>
            </a:extLst>
          </p:cNvPr>
          <p:cNvSpPr txBox="1">
            <a:spLocks/>
          </p:cNvSpPr>
          <p:nvPr/>
        </p:nvSpPr>
        <p:spPr>
          <a:xfrm>
            <a:off x="10881240"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4</a:t>
            </a:r>
          </a:p>
        </p:txBody>
      </p:sp>
      <p:grpSp>
        <p:nvGrpSpPr>
          <p:cNvPr id="2" name="Group 1">
            <a:extLst>
              <a:ext uri="{FF2B5EF4-FFF2-40B4-BE49-F238E27FC236}">
                <a16:creationId xmlns:a16="http://schemas.microsoft.com/office/drawing/2014/main" id="{CBCA9289-8F39-6E67-2EB2-3F2F5F5DC71F}"/>
              </a:ext>
            </a:extLst>
          </p:cNvPr>
          <p:cNvGrpSpPr/>
          <p:nvPr/>
        </p:nvGrpSpPr>
        <p:grpSpPr>
          <a:xfrm flipH="1">
            <a:off x="8299173" y="4896322"/>
            <a:ext cx="3926064" cy="1975966"/>
            <a:chOff x="0" y="4896322"/>
            <a:chExt cx="3926064" cy="1975966"/>
          </a:xfrm>
        </p:grpSpPr>
        <p:sp>
          <p:nvSpPr>
            <p:cNvPr id="14" name="Rectangle 48">
              <a:extLst>
                <a:ext uri="{FF2B5EF4-FFF2-40B4-BE49-F238E27FC236}">
                  <a16:creationId xmlns:a16="http://schemas.microsoft.com/office/drawing/2014/main" id="{924A4FDC-5829-183D-520E-DC6C74D472B1}"/>
                </a:ext>
              </a:extLst>
            </p:cNvPr>
            <p:cNvSpPr/>
            <p:nvPr/>
          </p:nvSpPr>
          <p:spPr>
            <a:xfrm>
              <a:off x="0" y="4896322"/>
              <a:ext cx="3926064" cy="1975966"/>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Lst>
              <a:ahLst/>
              <a:cxnLst>
                <a:cxn ang="0">
                  <a:pos x="connsiteX0" y="connsiteY0"/>
                </a:cxn>
                <a:cxn ang="0">
                  <a:pos x="connsiteX1" y="connsiteY1"/>
                </a:cxn>
                <a:cxn ang="0">
                  <a:pos x="connsiteX2" y="connsiteY2"/>
                </a:cxn>
                <a:cxn ang="0">
                  <a:pos x="connsiteX3" y="connsiteY3"/>
                </a:cxn>
              </a:cxnLst>
              <a:rect l="l" t="t" r="r" b="b"/>
              <a:pathLst>
                <a:path w="4575363" h="2886342">
                  <a:moveTo>
                    <a:pt x="0" y="0"/>
                  </a:moveTo>
                  <a:cubicBezTo>
                    <a:pt x="749422" y="1127588"/>
                    <a:pt x="1251023" y="1711434"/>
                    <a:pt x="4575363" y="2886342"/>
                  </a:cubicBezTo>
                  <a:lnTo>
                    <a:pt x="0" y="2868414"/>
                  </a:lnTo>
                  <a:lnTo>
                    <a:pt x="0" y="0"/>
                  </a:lnTo>
                  <a:close/>
                </a:path>
              </a:pathLst>
            </a:custGeom>
            <a:gradFill flip="none" rotWithShape="1">
              <a:gsLst>
                <a:gs pos="0">
                  <a:schemeClr val="accent5"/>
                </a:gs>
                <a:gs pos="100000">
                  <a:schemeClr val="bg1"/>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15" name="Rectangle 48">
              <a:extLst>
                <a:ext uri="{FF2B5EF4-FFF2-40B4-BE49-F238E27FC236}">
                  <a16:creationId xmlns:a16="http://schemas.microsoft.com/office/drawing/2014/main" id="{D8908523-52BF-7B32-995E-D44ED06068AF}"/>
                </a:ext>
              </a:extLst>
            </p:cNvPr>
            <p:cNvSpPr/>
            <p:nvPr/>
          </p:nvSpPr>
          <p:spPr>
            <a:xfrm>
              <a:off x="0" y="5047641"/>
              <a:ext cx="3202696" cy="1810358"/>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Lst>
              <a:ahLst/>
              <a:cxnLst>
                <a:cxn ang="0">
                  <a:pos x="connsiteX0" y="connsiteY0"/>
                </a:cxn>
                <a:cxn ang="0">
                  <a:pos x="connsiteX1" y="connsiteY1"/>
                </a:cxn>
                <a:cxn ang="0">
                  <a:pos x="connsiteX2" y="connsiteY2"/>
                </a:cxn>
                <a:cxn ang="0">
                  <a:pos x="connsiteX3" y="connsiteY3"/>
                </a:cxn>
              </a:cxnLst>
              <a:rect l="l" t="t" r="r" b="b"/>
              <a:pathLst>
                <a:path w="4048488" h="2868414">
                  <a:moveTo>
                    <a:pt x="0" y="0"/>
                  </a:moveTo>
                  <a:cubicBezTo>
                    <a:pt x="749422" y="1127588"/>
                    <a:pt x="1698866" y="1926564"/>
                    <a:pt x="4048488" y="2868414"/>
                  </a:cubicBezTo>
                  <a:lnTo>
                    <a:pt x="0" y="2868414"/>
                  </a:lnTo>
                  <a:lnTo>
                    <a:pt x="0" y="0"/>
                  </a:lnTo>
                  <a:close/>
                </a:path>
              </a:pathLst>
            </a:custGeom>
            <a:solidFill>
              <a:schemeClr val="accent1"/>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spTree>
    <p:custDataLst>
      <p:custData r:id="rId1"/>
      <p:custData r:id="rId2"/>
    </p:custDataLst>
    <p:extLst>
      <p:ext uri="{BB962C8B-B14F-4D97-AF65-F5344CB8AC3E}">
        <p14:creationId xmlns:p14="http://schemas.microsoft.com/office/powerpoint/2010/main" val="282011259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66" name="Group 65">
            <a:extLst>
              <a:ext uri="{FF2B5EF4-FFF2-40B4-BE49-F238E27FC236}">
                <a16:creationId xmlns:a16="http://schemas.microsoft.com/office/drawing/2014/main" id="{9E81C2DC-2529-BB9F-5020-73E6540FDBC5}"/>
              </a:ext>
            </a:extLst>
          </p:cNvPr>
          <p:cNvGrpSpPr/>
          <p:nvPr/>
        </p:nvGrpSpPr>
        <p:grpSpPr>
          <a:xfrm>
            <a:off x="5612256" y="-20093"/>
            <a:ext cx="6579744" cy="3943867"/>
            <a:chOff x="4422775" y="0"/>
            <a:chExt cx="6579744" cy="3943867"/>
          </a:xfrm>
        </p:grpSpPr>
        <p:pic>
          <p:nvPicPr>
            <p:cNvPr id="64" name="Picture 63">
              <a:extLst>
                <a:ext uri="{FF2B5EF4-FFF2-40B4-BE49-F238E27FC236}">
                  <a16:creationId xmlns:a16="http://schemas.microsoft.com/office/drawing/2014/main" id="{89467148-945F-B807-B1C4-57653CD30C43}"/>
                </a:ext>
              </a:extLst>
            </p:cNvPr>
            <p:cNvPicPr>
              <a:picLocks noChangeAspect="1"/>
            </p:cNvPicPr>
            <p:nvPr/>
          </p:nvPicPr>
          <p:blipFill rotWithShape="1">
            <a:blip r:embed="rId5">
              <a:alphaModFix amt="35000"/>
              <a:extLst>
                <a:ext uri="{28A0092B-C50C-407E-A947-70E740481C1C}">
                  <a14:useLocalDpi xmlns:a14="http://schemas.microsoft.com/office/drawing/2010/main"/>
                </a:ext>
              </a:extLst>
            </a:blip>
            <a:srcRect/>
            <a:stretch/>
          </p:blipFill>
          <p:spPr>
            <a:xfrm flipH="1">
              <a:off x="4472594" y="0"/>
              <a:ext cx="6529925" cy="3943867"/>
            </a:xfrm>
            <a:prstGeom prst="rect">
              <a:avLst/>
            </a:prstGeom>
            <a:gradFill>
              <a:gsLst>
                <a:gs pos="100000">
                  <a:schemeClr val="bg1">
                    <a:alpha val="0"/>
                  </a:schemeClr>
                </a:gs>
                <a:gs pos="11000">
                  <a:srgbClr val="9EC3E1"/>
                </a:gs>
              </a:gsLst>
              <a:lin ang="2700000" scaled="1"/>
            </a:gradFill>
            <a:effectLst>
              <a:softEdge rad="0"/>
            </a:effectLst>
          </p:spPr>
        </p:pic>
        <p:sp>
          <p:nvSpPr>
            <p:cNvPr id="65" name="Rectangle 64">
              <a:extLst>
                <a:ext uri="{FF2B5EF4-FFF2-40B4-BE49-F238E27FC236}">
                  <a16:creationId xmlns:a16="http://schemas.microsoft.com/office/drawing/2014/main" id="{85D41CB0-2D06-E99D-D7E5-D77281F97946}"/>
                </a:ext>
              </a:extLst>
            </p:cNvPr>
            <p:cNvSpPr/>
            <p:nvPr/>
          </p:nvSpPr>
          <p:spPr>
            <a:xfrm>
              <a:off x="4422775" y="0"/>
              <a:ext cx="3857553" cy="3943867"/>
            </a:xfrm>
            <a:prstGeom prst="rect">
              <a:avLst/>
            </a:prstGeom>
            <a:gradFill flip="none" rotWithShape="1">
              <a:gsLst>
                <a:gs pos="0">
                  <a:schemeClr val="bg1">
                    <a:alpha val="0"/>
                  </a:schemeClr>
                </a:gs>
                <a:gs pos="100000">
                  <a:schemeClr val="bg1"/>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grpSp>
        <p:nvGrpSpPr>
          <p:cNvPr id="81" name="Group 80">
            <a:extLst>
              <a:ext uri="{FF2B5EF4-FFF2-40B4-BE49-F238E27FC236}">
                <a16:creationId xmlns:a16="http://schemas.microsoft.com/office/drawing/2014/main" id="{BDF7B92C-0D2F-5994-699F-2B92AC0DD496}"/>
              </a:ext>
            </a:extLst>
          </p:cNvPr>
          <p:cNvGrpSpPr/>
          <p:nvPr/>
        </p:nvGrpSpPr>
        <p:grpSpPr>
          <a:xfrm>
            <a:off x="780329" y="-1019626"/>
            <a:ext cx="9924473" cy="7782461"/>
            <a:chOff x="248280" y="-1019626"/>
            <a:chExt cx="9924473" cy="7782461"/>
          </a:xfrm>
        </p:grpSpPr>
        <p:sp>
          <p:nvSpPr>
            <p:cNvPr id="69" name="Freeform 68">
              <a:extLst>
                <a:ext uri="{FF2B5EF4-FFF2-40B4-BE49-F238E27FC236}">
                  <a16:creationId xmlns:a16="http://schemas.microsoft.com/office/drawing/2014/main" id="{502BF980-29E9-044B-2EB3-FAFF99E15638}"/>
                </a:ext>
              </a:extLst>
            </p:cNvPr>
            <p:cNvSpPr/>
            <p:nvPr/>
          </p:nvSpPr>
          <p:spPr>
            <a:xfrm>
              <a:off x="248280" y="-1019626"/>
              <a:ext cx="7231612" cy="7782461"/>
            </a:xfrm>
            <a:custGeom>
              <a:avLst/>
              <a:gdLst>
                <a:gd name="connsiteX0" fmla="*/ 108 w 7231612"/>
                <a:gd name="connsiteY0" fmla="*/ 0 h 7782461"/>
                <a:gd name="connsiteX1" fmla="*/ 7231613 w 7231612"/>
                <a:gd name="connsiteY1" fmla="*/ 7663327 h 7782461"/>
                <a:gd name="connsiteX2" fmla="*/ 7155865 w 7231612"/>
                <a:gd name="connsiteY2" fmla="*/ 7643298 h 7782461"/>
                <a:gd name="connsiteX3" fmla="*/ 485650 w 7231612"/>
                <a:gd name="connsiteY3" fmla="*/ 370803 h 7782461"/>
                <a:gd name="connsiteX4" fmla="*/ 0 w 7231612"/>
                <a:gd name="connsiteY4" fmla="*/ 108 h 7782461"/>
                <a:gd name="connsiteX5" fmla="*/ 0 w 7231612"/>
                <a:gd name="connsiteY5" fmla="*/ 108 h 7782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231612" h="7782461">
                  <a:moveTo>
                    <a:pt x="108" y="0"/>
                  </a:moveTo>
                  <a:cubicBezTo>
                    <a:pt x="4137977" y="519232"/>
                    <a:pt x="7078819" y="3415065"/>
                    <a:pt x="7231613" y="7663327"/>
                  </a:cubicBezTo>
                  <a:cubicBezTo>
                    <a:pt x="7231613" y="7663327"/>
                    <a:pt x="7161276" y="7944271"/>
                    <a:pt x="7155865" y="7643298"/>
                  </a:cubicBezTo>
                  <a:cubicBezTo>
                    <a:pt x="7112365" y="5208126"/>
                    <a:pt x="5530216" y="921648"/>
                    <a:pt x="485650" y="370803"/>
                  </a:cubicBezTo>
                  <a:cubicBezTo>
                    <a:pt x="485866" y="370803"/>
                    <a:pt x="0" y="108"/>
                    <a:pt x="0" y="108"/>
                  </a:cubicBezTo>
                  <a:lnTo>
                    <a:pt x="0" y="108"/>
                  </a:lnTo>
                  <a:close/>
                </a:path>
              </a:pathLst>
            </a:custGeom>
            <a:gradFill>
              <a:gsLst>
                <a:gs pos="0">
                  <a:schemeClr val="bg1"/>
                </a:gs>
                <a:gs pos="100000">
                  <a:schemeClr val="accent5"/>
                </a:gs>
              </a:gsLst>
              <a:lin ang="10800000" scaled="1"/>
            </a:gradFill>
            <a:ln w="10815" cap="flat">
              <a:noFill/>
              <a:prstDash val="solid"/>
              <a:miter/>
            </a:ln>
          </p:spPr>
          <p:txBody>
            <a:bodyPr rtlCol="0" anchor="ctr"/>
            <a:lstStyle/>
            <a:p>
              <a:endParaRPr lang="en-US"/>
            </a:p>
          </p:txBody>
        </p:sp>
        <p:sp>
          <p:nvSpPr>
            <p:cNvPr id="70" name="Freeform 69">
              <a:extLst>
                <a:ext uri="{FF2B5EF4-FFF2-40B4-BE49-F238E27FC236}">
                  <a16:creationId xmlns:a16="http://schemas.microsoft.com/office/drawing/2014/main" id="{E209CFA2-D7A1-3AB3-E3BE-BC7F7B725506}"/>
                </a:ext>
              </a:extLst>
            </p:cNvPr>
            <p:cNvSpPr/>
            <p:nvPr/>
          </p:nvSpPr>
          <p:spPr>
            <a:xfrm>
              <a:off x="7032224" y="275818"/>
              <a:ext cx="585311" cy="416151"/>
            </a:xfrm>
            <a:custGeom>
              <a:avLst/>
              <a:gdLst>
                <a:gd name="connsiteX0" fmla="*/ 0 w 585311"/>
                <a:gd name="connsiteY0" fmla="*/ 411764 h 416151"/>
                <a:gd name="connsiteX1" fmla="*/ 585312 w 585311"/>
                <a:gd name="connsiteY1" fmla="*/ 5126 h 416151"/>
                <a:gd name="connsiteX2" fmla="*/ 0 w 585311"/>
                <a:gd name="connsiteY2" fmla="*/ 411764 h 416151"/>
                <a:gd name="connsiteX3" fmla="*/ 0 w 585311"/>
                <a:gd name="connsiteY3" fmla="*/ 411764 h 416151"/>
              </a:gdLst>
              <a:ahLst/>
              <a:cxnLst>
                <a:cxn ang="0">
                  <a:pos x="connsiteX0" y="connsiteY0"/>
                </a:cxn>
                <a:cxn ang="0">
                  <a:pos x="connsiteX1" y="connsiteY1"/>
                </a:cxn>
                <a:cxn ang="0">
                  <a:pos x="connsiteX2" y="connsiteY2"/>
                </a:cxn>
                <a:cxn ang="0">
                  <a:pos x="connsiteX3" y="connsiteY3"/>
                </a:cxn>
              </a:cxnLst>
              <a:rect l="l" t="t" r="r" b="b"/>
              <a:pathLst>
                <a:path w="585311" h="416151">
                  <a:moveTo>
                    <a:pt x="0" y="411764"/>
                  </a:moveTo>
                  <a:cubicBezTo>
                    <a:pt x="0" y="411764"/>
                    <a:pt x="476560" y="487981"/>
                    <a:pt x="585312" y="5126"/>
                  </a:cubicBezTo>
                  <a:cubicBezTo>
                    <a:pt x="585312" y="5126"/>
                    <a:pt x="105722" y="-76505"/>
                    <a:pt x="0" y="411764"/>
                  </a:cubicBezTo>
                  <a:lnTo>
                    <a:pt x="0" y="411764"/>
                  </a:lnTo>
                  <a:close/>
                </a:path>
              </a:pathLst>
            </a:custGeom>
            <a:solidFill>
              <a:schemeClr val="accent5"/>
            </a:solidFill>
            <a:ln w="10815" cap="flat">
              <a:noFill/>
              <a:prstDash val="solid"/>
              <a:miter/>
            </a:ln>
          </p:spPr>
          <p:txBody>
            <a:bodyPr rtlCol="0" anchor="ctr"/>
            <a:lstStyle/>
            <a:p>
              <a:endParaRPr lang="en-US"/>
            </a:p>
          </p:txBody>
        </p:sp>
        <p:sp>
          <p:nvSpPr>
            <p:cNvPr id="71" name="Freeform 70">
              <a:extLst>
                <a:ext uri="{FF2B5EF4-FFF2-40B4-BE49-F238E27FC236}">
                  <a16:creationId xmlns:a16="http://schemas.microsoft.com/office/drawing/2014/main" id="{D352B6D0-A63E-B8D2-3593-6D5E426D8A1A}"/>
                </a:ext>
              </a:extLst>
            </p:cNvPr>
            <p:cNvSpPr/>
            <p:nvPr/>
          </p:nvSpPr>
          <p:spPr>
            <a:xfrm>
              <a:off x="6746078" y="254419"/>
              <a:ext cx="227442" cy="422552"/>
            </a:xfrm>
            <a:custGeom>
              <a:avLst/>
              <a:gdLst>
                <a:gd name="connsiteX0" fmla="*/ 8261 w 227442"/>
                <a:gd name="connsiteY0" fmla="*/ 0 h 422552"/>
                <a:gd name="connsiteX1" fmla="*/ 218406 w 227442"/>
                <a:gd name="connsiteY1" fmla="*/ 422553 h 422552"/>
                <a:gd name="connsiteX2" fmla="*/ 8261 w 227442"/>
                <a:gd name="connsiteY2" fmla="*/ 0 h 422552"/>
                <a:gd name="connsiteX3" fmla="*/ 8261 w 227442"/>
                <a:gd name="connsiteY3" fmla="*/ 0 h 422552"/>
              </a:gdLst>
              <a:ahLst/>
              <a:cxnLst>
                <a:cxn ang="0">
                  <a:pos x="connsiteX0" y="connsiteY0"/>
                </a:cxn>
                <a:cxn ang="0">
                  <a:pos x="connsiteX1" y="connsiteY1"/>
                </a:cxn>
                <a:cxn ang="0">
                  <a:pos x="connsiteX2" y="connsiteY2"/>
                </a:cxn>
                <a:cxn ang="0">
                  <a:pos x="connsiteX3" y="connsiteY3"/>
                </a:cxn>
              </a:cxnLst>
              <a:rect l="l" t="t" r="r" b="b"/>
              <a:pathLst>
                <a:path w="227442" h="422552">
                  <a:moveTo>
                    <a:pt x="8261" y="0"/>
                  </a:moveTo>
                  <a:cubicBezTo>
                    <a:pt x="8261" y="0"/>
                    <a:pt x="-63915" y="306278"/>
                    <a:pt x="218406" y="422553"/>
                  </a:cubicBezTo>
                  <a:cubicBezTo>
                    <a:pt x="218406" y="422553"/>
                    <a:pt x="293938" y="114759"/>
                    <a:pt x="8261" y="0"/>
                  </a:cubicBezTo>
                  <a:lnTo>
                    <a:pt x="8261" y="0"/>
                  </a:lnTo>
                  <a:close/>
                </a:path>
              </a:pathLst>
            </a:custGeom>
            <a:solidFill>
              <a:schemeClr val="accent5"/>
            </a:solidFill>
            <a:ln w="10815" cap="flat">
              <a:noFill/>
              <a:prstDash val="solid"/>
              <a:miter/>
            </a:ln>
          </p:spPr>
          <p:txBody>
            <a:bodyPr rtlCol="0" anchor="ctr"/>
            <a:lstStyle/>
            <a:p>
              <a:endParaRPr lang="en-US"/>
            </a:p>
          </p:txBody>
        </p:sp>
        <p:grpSp>
          <p:nvGrpSpPr>
            <p:cNvPr id="76" name="Graphic 66">
              <a:extLst>
                <a:ext uri="{FF2B5EF4-FFF2-40B4-BE49-F238E27FC236}">
                  <a16:creationId xmlns:a16="http://schemas.microsoft.com/office/drawing/2014/main" id="{97A8E9F5-0EC2-4ABF-C79A-BD342C39B5D7}"/>
                </a:ext>
              </a:extLst>
            </p:cNvPr>
            <p:cNvGrpSpPr/>
            <p:nvPr/>
          </p:nvGrpSpPr>
          <p:grpSpPr>
            <a:xfrm>
              <a:off x="4474773" y="-358244"/>
              <a:ext cx="5697980" cy="1406795"/>
              <a:chOff x="4474773" y="-358244"/>
              <a:chExt cx="5697980" cy="1406795"/>
            </a:xfrm>
            <a:solidFill>
              <a:schemeClr val="accent1"/>
            </a:solidFill>
          </p:grpSpPr>
          <p:sp>
            <p:nvSpPr>
              <p:cNvPr id="77" name="Freeform 76">
                <a:extLst>
                  <a:ext uri="{FF2B5EF4-FFF2-40B4-BE49-F238E27FC236}">
                    <a16:creationId xmlns:a16="http://schemas.microsoft.com/office/drawing/2014/main" id="{DA5C0EAC-A99B-9E8E-7D33-C555DB6A6C8F}"/>
                  </a:ext>
                </a:extLst>
              </p:cNvPr>
              <p:cNvSpPr/>
              <p:nvPr/>
            </p:nvSpPr>
            <p:spPr>
              <a:xfrm>
                <a:off x="5488815" y="688638"/>
                <a:ext cx="850752" cy="359912"/>
              </a:xfrm>
              <a:custGeom>
                <a:avLst/>
                <a:gdLst>
                  <a:gd name="connsiteX0" fmla="*/ 850752 w 850752"/>
                  <a:gd name="connsiteY0" fmla="*/ 144666 h 359912"/>
                  <a:gd name="connsiteX1" fmla="*/ 0 w 850752"/>
                  <a:gd name="connsiteY1" fmla="*/ 212006 h 359912"/>
                  <a:gd name="connsiteX2" fmla="*/ 850752 w 850752"/>
                  <a:gd name="connsiteY2" fmla="*/ 144666 h 359912"/>
                  <a:gd name="connsiteX3" fmla="*/ 850752 w 850752"/>
                  <a:gd name="connsiteY3" fmla="*/ 144666 h 359912"/>
                </a:gdLst>
                <a:ahLst/>
                <a:cxnLst>
                  <a:cxn ang="0">
                    <a:pos x="connsiteX0" y="connsiteY0"/>
                  </a:cxn>
                  <a:cxn ang="0">
                    <a:pos x="connsiteX1" y="connsiteY1"/>
                  </a:cxn>
                  <a:cxn ang="0">
                    <a:pos x="connsiteX2" y="connsiteY2"/>
                  </a:cxn>
                  <a:cxn ang="0">
                    <a:pos x="connsiteX3" y="connsiteY3"/>
                  </a:cxn>
                </a:cxnLst>
                <a:rect l="l" t="t" r="r" b="b"/>
                <a:pathLst>
                  <a:path w="850752" h="359912">
                    <a:moveTo>
                      <a:pt x="850752" y="144666"/>
                    </a:moveTo>
                    <a:cubicBezTo>
                      <a:pt x="850752" y="144666"/>
                      <a:pt x="403626" y="-221915"/>
                      <a:pt x="0" y="212006"/>
                    </a:cubicBezTo>
                    <a:cubicBezTo>
                      <a:pt x="0" y="212006"/>
                      <a:pt x="447018" y="585948"/>
                      <a:pt x="850752" y="144666"/>
                    </a:cubicBezTo>
                    <a:lnTo>
                      <a:pt x="850752" y="144666"/>
                    </a:lnTo>
                    <a:close/>
                  </a:path>
                </a:pathLst>
              </a:custGeom>
              <a:solidFill>
                <a:schemeClr val="accent5"/>
              </a:solidFill>
              <a:ln w="10815" cap="flat">
                <a:noFill/>
                <a:prstDash val="solid"/>
                <a:miter/>
              </a:ln>
            </p:spPr>
            <p:txBody>
              <a:bodyPr rtlCol="0" anchor="ctr"/>
              <a:lstStyle/>
              <a:p>
                <a:endParaRPr lang="en-US" dirty="0"/>
              </a:p>
            </p:txBody>
          </p:sp>
          <p:sp>
            <p:nvSpPr>
              <p:cNvPr id="78" name="Freeform 77">
                <a:extLst>
                  <a:ext uri="{FF2B5EF4-FFF2-40B4-BE49-F238E27FC236}">
                    <a16:creationId xmlns:a16="http://schemas.microsoft.com/office/drawing/2014/main" id="{B6A43546-0426-3E4D-567E-6A95D00BFEE2}"/>
                  </a:ext>
                </a:extLst>
              </p:cNvPr>
              <p:cNvSpPr/>
              <p:nvPr/>
            </p:nvSpPr>
            <p:spPr>
              <a:xfrm>
                <a:off x="4474773" y="-358244"/>
                <a:ext cx="5697980" cy="1192958"/>
              </a:xfrm>
              <a:custGeom>
                <a:avLst/>
                <a:gdLst>
                  <a:gd name="connsiteX0" fmla="*/ 0 w 5697980"/>
                  <a:gd name="connsiteY0" fmla="*/ 0 h 1192958"/>
                  <a:gd name="connsiteX1" fmla="*/ 5667535 w 5697980"/>
                  <a:gd name="connsiteY1" fmla="*/ 176145 h 1192958"/>
                  <a:gd name="connsiteX2" fmla="*/ 5632366 w 5697980"/>
                  <a:gd name="connsiteY2" fmla="*/ 152760 h 1192958"/>
                  <a:gd name="connsiteX3" fmla="*/ 322684 w 5697980"/>
                  <a:gd name="connsiteY3" fmla="*/ 63226 h 1192958"/>
                  <a:gd name="connsiteX4" fmla="*/ 0 w 5697980"/>
                  <a:gd name="connsiteY4" fmla="*/ 0 h 1192958"/>
                  <a:gd name="connsiteX5" fmla="*/ 0 w 5697980"/>
                  <a:gd name="connsiteY5" fmla="*/ 0 h 119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697980" h="1192958">
                    <a:moveTo>
                      <a:pt x="0" y="0"/>
                    </a:moveTo>
                    <a:cubicBezTo>
                      <a:pt x="1687004" y="1481478"/>
                      <a:pt x="3903052" y="1631965"/>
                      <a:pt x="5667535" y="176145"/>
                    </a:cubicBezTo>
                    <a:cubicBezTo>
                      <a:pt x="5667535" y="176145"/>
                      <a:pt x="5755510" y="47419"/>
                      <a:pt x="5632366" y="152760"/>
                    </a:cubicBezTo>
                    <a:cubicBezTo>
                      <a:pt x="4636612" y="1005011"/>
                      <a:pt x="2346225" y="1898726"/>
                      <a:pt x="322684" y="63226"/>
                    </a:cubicBezTo>
                    <a:lnTo>
                      <a:pt x="0" y="0"/>
                    </a:lnTo>
                    <a:lnTo>
                      <a:pt x="0" y="0"/>
                    </a:lnTo>
                    <a:close/>
                  </a:path>
                </a:pathLst>
              </a:custGeom>
              <a:grpFill/>
              <a:ln w="10815" cap="flat">
                <a:noFill/>
                <a:prstDash val="solid"/>
                <a:miter/>
              </a:ln>
            </p:spPr>
            <p:txBody>
              <a:bodyPr rtlCol="0" anchor="ctr"/>
              <a:lstStyle/>
              <a:p>
                <a:endParaRPr lang="en-US"/>
              </a:p>
            </p:txBody>
          </p:sp>
        </p:grpSp>
        <p:grpSp>
          <p:nvGrpSpPr>
            <p:cNvPr id="43" name="Group 42">
              <a:extLst>
                <a:ext uri="{FF2B5EF4-FFF2-40B4-BE49-F238E27FC236}">
                  <a16:creationId xmlns:a16="http://schemas.microsoft.com/office/drawing/2014/main" id="{53B8286C-9856-A6B2-B778-1162A282E8DA}"/>
                </a:ext>
              </a:extLst>
            </p:cNvPr>
            <p:cNvGrpSpPr/>
            <p:nvPr/>
          </p:nvGrpSpPr>
          <p:grpSpPr>
            <a:xfrm rot="10330513">
              <a:off x="5860779" y="928606"/>
              <a:ext cx="1236569" cy="1839671"/>
              <a:chOff x="2485305" y="3727610"/>
              <a:chExt cx="696913" cy="1036813"/>
            </a:xfrm>
          </p:grpSpPr>
          <p:sp>
            <p:nvSpPr>
              <p:cNvPr id="44" name="Content Placeholder 11">
                <a:extLst>
                  <a:ext uri="{FF2B5EF4-FFF2-40B4-BE49-F238E27FC236}">
                    <a16:creationId xmlns:a16="http://schemas.microsoft.com/office/drawing/2014/main" id="{4C98C310-8624-F29D-1469-56E64C7779B4}"/>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45" name="Content Placeholder 11">
                <a:extLst>
                  <a:ext uri="{FF2B5EF4-FFF2-40B4-BE49-F238E27FC236}">
                    <a16:creationId xmlns:a16="http://schemas.microsoft.com/office/drawing/2014/main" id="{0EB1BF54-B0F7-A7FB-3C8F-2D8215A9EDB5}"/>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2B823F"/>
              </a:solidFill>
              <a:ln w="5963" cap="flat">
                <a:noFill/>
                <a:prstDash val="solid"/>
                <a:miter/>
              </a:ln>
            </p:spPr>
            <p:txBody>
              <a:bodyPr rtlCol="0" anchor="ctr"/>
              <a:lstStyle/>
              <a:p>
                <a:endParaRPr lang="en-US" dirty="0"/>
              </a:p>
            </p:txBody>
          </p:sp>
        </p:grpSp>
      </p:grpSp>
      <p:sp>
        <p:nvSpPr>
          <p:cNvPr id="46" name="Rectangle 45">
            <a:extLst>
              <a:ext uri="{FF2B5EF4-FFF2-40B4-BE49-F238E27FC236}">
                <a16:creationId xmlns:a16="http://schemas.microsoft.com/office/drawing/2014/main" id="{1F2D1A2A-A4E9-DD12-6FB4-8EEEB6641B01}"/>
              </a:ext>
            </a:extLst>
          </p:cNvPr>
          <p:cNvSpPr/>
          <p:nvPr/>
        </p:nvSpPr>
        <p:spPr>
          <a:xfrm>
            <a:off x="0" y="3961010"/>
            <a:ext cx="12192000" cy="246417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91" name="Rectangle 90">
            <a:extLst>
              <a:ext uri="{FF2B5EF4-FFF2-40B4-BE49-F238E27FC236}">
                <a16:creationId xmlns:a16="http://schemas.microsoft.com/office/drawing/2014/main" id="{0614CA51-8E35-4E7C-8D6D-B0B53CF11351}"/>
              </a:ext>
            </a:extLst>
          </p:cNvPr>
          <p:cNvSpPr/>
          <p:nvPr/>
        </p:nvSpPr>
        <p:spPr>
          <a:xfrm>
            <a:off x="2885129" y="3989586"/>
            <a:ext cx="2093775"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92" name="Rectangle 91">
            <a:extLst>
              <a:ext uri="{FF2B5EF4-FFF2-40B4-BE49-F238E27FC236}">
                <a16:creationId xmlns:a16="http://schemas.microsoft.com/office/drawing/2014/main" id="{06BBAA23-7CC8-A4B7-AFA1-4FC3428C3EFA}"/>
              </a:ext>
            </a:extLst>
          </p:cNvPr>
          <p:cNvSpPr/>
          <p:nvPr/>
        </p:nvSpPr>
        <p:spPr>
          <a:xfrm>
            <a:off x="5061947" y="3989586"/>
            <a:ext cx="2093775"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93" name="Rectangle 92">
            <a:extLst>
              <a:ext uri="{FF2B5EF4-FFF2-40B4-BE49-F238E27FC236}">
                <a16:creationId xmlns:a16="http://schemas.microsoft.com/office/drawing/2014/main" id="{6C6A137C-D589-BA0E-69AC-C55B4F4411DB}"/>
              </a:ext>
            </a:extLst>
          </p:cNvPr>
          <p:cNvSpPr/>
          <p:nvPr/>
        </p:nvSpPr>
        <p:spPr>
          <a:xfrm>
            <a:off x="7238765" y="3989586"/>
            <a:ext cx="2093775"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94" name="Rectangle 93">
            <a:extLst>
              <a:ext uri="{FF2B5EF4-FFF2-40B4-BE49-F238E27FC236}">
                <a16:creationId xmlns:a16="http://schemas.microsoft.com/office/drawing/2014/main" id="{68859C53-1171-1E0D-9B96-6DA820CCD556}"/>
              </a:ext>
            </a:extLst>
          </p:cNvPr>
          <p:cNvSpPr/>
          <p:nvPr/>
        </p:nvSpPr>
        <p:spPr>
          <a:xfrm>
            <a:off x="9415582" y="3989586"/>
            <a:ext cx="2093775"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2" name="Rectangle 71">
            <a:extLst>
              <a:ext uri="{FF2B5EF4-FFF2-40B4-BE49-F238E27FC236}">
                <a16:creationId xmlns:a16="http://schemas.microsoft.com/office/drawing/2014/main" id="{876C5D27-A60D-4964-94E9-2A54BF3D9F1B}"/>
              </a:ext>
            </a:extLst>
          </p:cNvPr>
          <p:cNvSpPr/>
          <p:nvPr/>
        </p:nvSpPr>
        <p:spPr>
          <a:xfrm>
            <a:off x="708311" y="3989586"/>
            <a:ext cx="2093775"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6" name="Date Placeholder 5">
            <a:extLst>
              <a:ext uri="{FF2B5EF4-FFF2-40B4-BE49-F238E27FC236}">
                <a16:creationId xmlns:a16="http://schemas.microsoft.com/office/drawing/2014/main" id="{588ECAB5-2E16-C646-A68D-772D31D80B90}"/>
              </a:ext>
            </a:extLst>
          </p:cNvPr>
          <p:cNvSpPr>
            <a:spLocks noGrp="1"/>
          </p:cNvSpPr>
          <p:nvPr>
            <p:ph type="dt" sz="half" idx="10"/>
          </p:nvPr>
        </p:nvSpPr>
        <p:spPr/>
        <p:txBody>
          <a:bodyPr/>
          <a:lstStyle/>
          <a:p>
            <a:fld id="{EACFDFB6-8245-AF4D-AF6A-1DFDBD35913D}" type="datetime4">
              <a:rPr lang="en-US"/>
              <a:pPr/>
              <a:t>September 8, 2023</a:t>
            </a:fld>
            <a:endParaRPr lang="en-GB" dirty="0"/>
          </a:p>
        </p:txBody>
      </p:sp>
      <p:sp>
        <p:nvSpPr>
          <p:cNvPr id="8" name="Slide Number Placeholder 7">
            <a:extLst>
              <a:ext uri="{FF2B5EF4-FFF2-40B4-BE49-F238E27FC236}">
                <a16:creationId xmlns:a16="http://schemas.microsoft.com/office/drawing/2014/main" id="{9C8B23DD-53BF-6D4A-BA90-637F444D8991}"/>
              </a:ext>
            </a:extLst>
          </p:cNvPr>
          <p:cNvSpPr>
            <a:spLocks noGrp="1"/>
          </p:cNvSpPr>
          <p:nvPr>
            <p:ph type="sldNum" sz="quarter" idx="11"/>
          </p:nvPr>
        </p:nvSpPr>
        <p:spPr/>
        <p:txBody>
          <a:bodyPr/>
          <a:lstStyle/>
          <a:p>
            <a:fld id="{23AA811B-2EBD-4900-905E-5BE206449611}" type="slidenum">
              <a:rPr lang="en-GB"/>
              <a:pPr/>
              <a:t>6</a:t>
            </a:fld>
            <a:endParaRPr lang="en-GB" dirty="0"/>
          </a:p>
        </p:txBody>
      </p:sp>
      <p:sp>
        <p:nvSpPr>
          <p:cNvPr id="18" name="Text Placeholder 5">
            <a:extLst>
              <a:ext uri="{FF2B5EF4-FFF2-40B4-BE49-F238E27FC236}">
                <a16:creationId xmlns:a16="http://schemas.microsoft.com/office/drawing/2014/main" id="{4C39EF69-2672-7E1F-88E3-7220D47C1314}"/>
              </a:ext>
            </a:extLst>
          </p:cNvPr>
          <p:cNvSpPr txBox="1">
            <a:spLocks/>
          </p:cNvSpPr>
          <p:nvPr/>
        </p:nvSpPr>
        <p:spPr>
          <a:xfrm>
            <a:off x="716169" y="4800484"/>
            <a:ext cx="2085917"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Aim our research infrastructure toward</a:t>
            </a:r>
            <a:br>
              <a:rPr lang="en-US" dirty="0">
                <a:solidFill>
                  <a:schemeClr val="accent1"/>
                </a:solidFill>
                <a:latin typeface="+mj-lt"/>
              </a:rPr>
            </a:br>
            <a:r>
              <a:rPr lang="en-US" dirty="0">
                <a:solidFill>
                  <a:schemeClr val="accent1"/>
                </a:solidFill>
                <a:latin typeface="+mj-lt"/>
              </a:rPr>
              <a:t>the future</a:t>
            </a:r>
          </a:p>
        </p:txBody>
      </p:sp>
      <p:sp>
        <p:nvSpPr>
          <p:cNvPr id="19" name="Text Placeholder 5">
            <a:extLst>
              <a:ext uri="{FF2B5EF4-FFF2-40B4-BE49-F238E27FC236}">
                <a16:creationId xmlns:a16="http://schemas.microsoft.com/office/drawing/2014/main" id="{AFC37AB6-8D2A-1F34-169B-3261AA8E51BD}"/>
              </a:ext>
            </a:extLst>
          </p:cNvPr>
          <p:cNvSpPr txBox="1">
            <a:spLocks/>
          </p:cNvSpPr>
          <p:nvPr/>
        </p:nvSpPr>
        <p:spPr>
          <a:xfrm>
            <a:off x="2885128" y="4800484"/>
            <a:ext cx="2104385"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Lean-in to the opportunities and imperatives of digital technology and clinical informatics</a:t>
            </a:r>
          </a:p>
        </p:txBody>
      </p:sp>
      <p:sp>
        <p:nvSpPr>
          <p:cNvPr id="20" name="Text Placeholder 5">
            <a:extLst>
              <a:ext uri="{FF2B5EF4-FFF2-40B4-BE49-F238E27FC236}">
                <a16:creationId xmlns:a16="http://schemas.microsoft.com/office/drawing/2014/main" id="{702C2CE2-F2FF-7C31-539C-B94750581D9B}"/>
              </a:ext>
            </a:extLst>
          </p:cNvPr>
          <p:cNvSpPr txBox="1">
            <a:spLocks/>
          </p:cNvSpPr>
          <p:nvPr/>
        </p:nvSpPr>
        <p:spPr>
          <a:xfrm>
            <a:off x="5072555" y="4800484"/>
            <a:ext cx="2093775"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Build the infrastructure of health equity research</a:t>
            </a:r>
          </a:p>
        </p:txBody>
      </p:sp>
      <p:sp>
        <p:nvSpPr>
          <p:cNvPr id="21" name="Text Placeholder 5">
            <a:extLst>
              <a:ext uri="{FF2B5EF4-FFF2-40B4-BE49-F238E27FC236}">
                <a16:creationId xmlns:a16="http://schemas.microsoft.com/office/drawing/2014/main" id="{53C27F5D-D43F-340F-2BFB-9732CA3BC59A}"/>
              </a:ext>
            </a:extLst>
          </p:cNvPr>
          <p:cNvSpPr txBox="1">
            <a:spLocks/>
          </p:cNvSpPr>
          <p:nvPr/>
        </p:nvSpPr>
        <p:spPr>
          <a:xfrm>
            <a:off x="7304935" y="4800484"/>
            <a:ext cx="1852613"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Release more synergies from our integrated missions</a:t>
            </a:r>
          </a:p>
        </p:txBody>
      </p:sp>
      <p:sp>
        <p:nvSpPr>
          <p:cNvPr id="5" name="Text Placeholder 5">
            <a:extLst>
              <a:ext uri="{FF2B5EF4-FFF2-40B4-BE49-F238E27FC236}">
                <a16:creationId xmlns:a16="http://schemas.microsoft.com/office/drawing/2014/main" id="{2C3CFED5-792B-CE55-2EE8-A70667C66194}"/>
              </a:ext>
            </a:extLst>
          </p:cNvPr>
          <p:cNvSpPr txBox="1">
            <a:spLocks/>
          </p:cNvSpPr>
          <p:nvPr/>
        </p:nvSpPr>
        <p:spPr>
          <a:xfrm>
            <a:off x="716544" y="3612604"/>
            <a:ext cx="2430825" cy="430509"/>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4"/>
            <a:r>
              <a:rPr lang="en-US" sz="2400" b="0" dirty="0">
                <a:solidFill>
                  <a:srgbClr val="C6583F"/>
                </a:solidFill>
                <a:latin typeface="+mj-lt"/>
              </a:rPr>
              <a:t>Goals</a:t>
            </a:r>
          </a:p>
        </p:txBody>
      </p:sp>
      <p:sp>
        <p:nvSpPr>
          <p:cNvPr id="7" name="Rectangle 6">
            <a:extLst>
              <a:ext uri="{FF2B5EF4-FFF2-40B4-BE49-F238E27FC236}">
                <a16:creationId xmlns:a16="http://schemas.microsoft.com/office/drawing/2014/main" id="{DB57C49D-AF1B-8120-B5BD-2B9588190E29}"/>
              </a:ext>
            </a:extLst>
          </p:cNvPr>
          <p:cNvSpPr/>
          <p:nvPr/>
        </p:nvSpPr>
        <p:spPr>
          <a:xfrm>
            <a:off x="0" y="3915291"/>
            <a:ext cx="12192000" cy="45719"/>
          </a:xfrm>
          <a:prstGeom prst="rect">
            <a:avLst/>
          </a:prstGeom>
          <a:gradFill flip="none" rotWithShape="1">
            <a:gsLst>
              <a:gs pos="0">
                <a:schemeClr val="accent1"/>
              </a:gs>
              <a:gs pos="50000">
                <a:schemeClr val="accent3"/>
              </a:gs>
              <a:gs pos="99000">
                <a:schemeClr val="accent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nvGrpSpPr>
          <p:cNvPr id="84" name="Group 83">
            <a:extLst>
              <a:ext uri="{FF2B5EF4-FFF2-40B4-BE49-F238E27FC236}">
                <a16:creationId xmlns:a16="http://schemas.microsoft.com/office/drawing/2014/main" id="{5AF91F28-6613-2861-5BEF-125B3870C426}"/>
              </a:ext>
            </a:extLst>
          </p:cNvPr>
          <p:cNvGrpSpPr/>
          <p:nvPr/>
        </p:nvGrpSpPr>
        <p:grpSpPr>
          <a:xfrm>
            <a:off x="2438064" y="3429000"/>
            <a:ext cx="696913" cy="1036813"/>
            <a:chOff x="2438064" y="3429000"/>
            <a:chExt cx="696913" cy="1036813"/>
          </a:xfrm>
        </p:grpSpPr>
        <p:grpSp>
          <p:nvGrpSpPr>
            <p:cNvPr id="10" name="Group 9">
              <a:extLst>
                <a:ext uri="{FF2B5EF4-FFF2-40B4-BE49-F238E27FC236}">
                  <a16:creationId xmlns:a16="http://schemas.microsoft.com/office/drawing/2014/main" id="{3CF459E8-D538-9D63-D9F9-1380746D31A5}"/>
                </a:ext>
              </a:extLst>
            </p:cNvPr>
            <p:cNvGrpSpPr/>
            <p:nvPr/>
          </p:nvGrpSpPr>
          <p:grpSpPr>
            <a:xfrm>
              <a:off x="2438064" y="3429000"/>
              <a:ext cx="696913" cy="1036813"/>
              <a:chOff x="2485305" y="3727610"/>
              <a:chExt cx="696913" cy="1036813"/>
            </a:xfrm>
          </p:grpSpPr>
          <p:sp>
            <p:nvSpPr>
              <p:cNvPr id="9" name="Content Placeholder 11">
                <a:extLst>
                  <a:ext uri="{FF2B5EF4-FFF2-40B4-BE49-F238E27FC236}">
                    <a16:creationId xmlns:a16="http://schemas.microsoft.com/office/drawing/2014/main" id="{5D3FCD77-40E4-DD89-9F3D-2D5BC0DF8A7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3" name="Content Placeholder 11">
                <a:extLst>
                  <a:ext uri="{FF2B5EF4-FFF2-40B4-BE49-F238E27FC236}">
                    <a16:creationId xmlns:a16="http://schemas.microsoft.com/office/drawing/2014/main" id="{84822184-D038-D904-4F20-3356128645E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2B823F"/>
              </a:solidFill>
              <a:ln w="5963" cap="flat">
                <a:noFill/>
                <a:prstDash val="solid"/>
                <a:miter/>
              </a:ln>
            </p:spPr>
            <p:txBody>
              <a:bodyPr rtlCol="0" anchor="ctr"/>
              <a:lstStyle/>
              <a:p>
                <a:endParaRPr lang="en-US" dirty="0"/>
              </a:p>
            </p:txBody>
          </p:sp>
        </p:grpSp>
        <p:sp>
          <p:nvSpPr>
            <p:cNvPr id="37" name="Text Placeholder 5">
              <a:extLst>
                <a:ext uri="{FF2B5EF4-FFF2-40B4-BE49-F238E27FC236}">
                  <a16:creationId xmlns:a16="http://schemas.microsoft.com/office/drawing/2014/main" id="{579366DF-3C81-8DFA-2088-649B638138FA}"/>
                </a:ext>
              </a:extLst>
            </p:cNvPr>
            <p:cNvSpPr txBox="1">
              <a:spLocks/>
            </p:cNvSpPr>
            <p:nvPr/>
          </p:nvSpPr>
          <p:spPr>
            <a:xfrm>
              <a:off x="2594830"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1</a:t>
              </a:r>
            </a:p>
          </p:txBody>
        </p:sp>
      </p:grpSp>
      <p:sp>
        <p:nvSpPr>
          <p:cNvPr id="51" name="Rectangle 48">
            <a:extLst>
              <a:ext uri="{FF2B5EF4-FFF2-40B4-BE49-F238E27FC236}">
                <a16:creationId xmlns:a16="http://schemas.microsoft.com/office/drawing/2014/main" id="{A16FBC93-FD09-B7E0-624F-73961047D18B}"/>
              </a:ext>
            </a:extLst>
          </p:cNvPr>
          <p:cNvSpPr/>
          <p:nvPr/>
        </p:nvSpPr>
        <p:spPr>
          <a:xfrm>
            <a:off x="0" y="4896322"/>
            <a:ext cx="3926064" cy="1975966"/>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Lst>
            <a:ahLst/>
            <a:cxnLst>
              <a:cxn ang="0">
                <a:pos x="connsiteX0" y="connsiteY0"/>
              </a:cxn>
              <a:cxn ang="0">
                <a:pos x="connsiteX1" y="connsiteY1"/>
              </a:cxn>
              <a:cxn ang="0">
                <a:pos x="connsiteX2" y="connsiteY2"/>
              </a:cxn>
              <a:cxn ang="0">
                <a:pos x="connsiteX3" y="connsiteY3"/>
              </a:cxn>
            </a:cxnLst>
            <a:rect l="l" t="t" r="r" b="b"/>
            <a:pathLst>
              <a:path w="4575363" h="2886342">
                <a:moveTo>
                  <a:pt x="0" y="0"/>
                </a:moveTo>
                <a:cubicBezTo>
                  <a:pt x="749422" y="1127588"/>
                  <a:pt x="1251023" y="1711434"/>
                  <a:pt x="4575363" y="2886342"/>
                </a:cubicBezTo>
                <a:lnTo>
                  <a:pt x="0" y="2868414"/>
                </a:lnTo>
                <a:lnTo>
                  <a:pt x="0" y="0"/>
                </a:lnTo>
                <a:close/>
              </a:path>
            </a:pathLst>
          </a:custGeom>
          <a:gradFill flip="none" rotWithShape="1">
            <a:gsLst>
              <a:gs pos="0">
                <a:schemeClr val="accent5"/>
              </a:gs>
              <a:gs pos="100000">
                <a:schemeClr val="bg1"/>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49" name="Rectangle 48">
            <a:extLst>
              <a:ext uri="{FF2B5EF4-FFF2-40B4-BE49-F238E27FC236}">
                <a16:creationId xmlns:a16="http://schemas.microsoft.com/office/drawing/2014/main" id="{27A5E4CB-5990-554A-785C-FAF8D0EF9B6C}"/>
              </a:ext>
            </a:extLst>
          </p:cNvPr>
          <p:cNvSpPr/>
          <p:nvPr/>
        </p:nvSpPr>
        <p:spPr>
          <a:xfrm>
            <a:off x="0" y="5047641"/>
            <a:ext cx="3202696" cy="1810358"/>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Lst>
            <a:ahLst/>
            <a:cxnLst>
              <a:cxn ang="0">
                <a:pos x="connsiteX0" y="connsiteY0"/>
              </a:cxn>
              <a:cxn ang="0">
                <a:pos x="connsiteX1" y="connsiteY1"/>
              </a:cxn>
              <a:cxn ang="0">
                <a:pos x="connsiteX2" y="connsiteY2"/>
              </a:cxn>
              <a:cxn ang="0">
                <a:pos x="connsiteX3" y="connsiteY3"/>
              </a:cxn>
            </a:cxnLst>
            <a:rect l="l" t="t" r="r" b="b"/>
            <a:pathLst>
              <a:path w="4048488" h="2868414">
                <a:moveTo>
                  <a:pt x="0" y="0"/>
                </a:moveTo>
                <a:cubicBezTo>
                  <a:pt x="749422" y="1127588"/>
                  <a:pt x="1698866" y="1926564"/>
                  <a:pt x="4048488" y="2868414"/>
                </a:cubicBezTo>
                <a:lnTo>
                  <a:pt x="0" y="2868414"/>
                </a:lnTo>
                <a:lnTo>
                  <a:pt x="0" y="0"/>
                </a:lnTo>
                <a:close/>
              </a:path>
            </a:pathLst>
          </a:custGeom>
          <a:solidFill>
            <a:schemeClr val="accent1"/>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23" name="Text Placeholder 5">
            <a:extLst>
              <a:ext uri="{FF2B5EF4-FFF2-40B4-BE49-F238E27FC236}">
                <a16:creationId xmlns:a16="http://schemas.microsoft.com/office/drawing/2014/main" id="{CCE16350-119B-12FF-F067-068705652027}"/>
              </a:ext>
            </a:extLst>
          </p:cNvPr>
          <p:cNvSpPr txBox="1">
            <a:spLocks/>
          </p:cNvSpPr>
          <p:nvPr/>
        </p:nvSpPr>
        <p:spPr>
          <a:xfrm>
            <a:off x="728661" y="2198488"/>
            <a:ext cx="5544693" cy="937889"/>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r>
              <a:rPr lang="en-US" dirty="0">
                <a:solidFill>
                  <a:schemeClr val="accent2"/>
                </a:solidFill>
                <a:latin typeface="+mj-lt"/>
              </a:rPr>
              <a:t>Discovery propels us, improving and differentiating our service to patients, students, and the world. We will invest in opportunities we can see now and invest in an environment that creates and captures prospects not yet seen.</a:t>
            </a:r>
          </a:p>
        </p:txBody>
      </p:sp>
      <p:grpSp>
        <p:nvGrpSpPr>
          <p:cNvPr id="83" name="Group 82">
            <a:extLst>
              <a:ext uri="{FF2B5EF4-FFF2-40B4-BE49-F238E27FC236}">
                <a16:creationId xmlns:a16="http://schemas.microsoft.com/office/drawing/2014/main" id="{B79356DE-378D-CC4B-82DB-83A62AD850B3}"/>
              </a:ext>
            </a:extLst>
          </p:cNvPr>
          <p:cNvGrpSpPr/>
          <p:nvPr/>
        </p:nvGrpSpPr>
        <p:grpSpPr>
          <a:xfrm>
            <a:off x="4523043" y="3429000"/>
            <a:ext cx="696913" cy="1036813"/>
            <a:chOff x="4422775" y="3429000"/>
            <a:chExt cx="696913" cy="1036813"/>
          </a:xfrm>
        </p:grpSpPr>
        <p:grpSp>
          <p:nvGrpSpPr>
            <p:cNvPr id="47" name="Group 46">
              <a:extLst>
                <a:ext uri="{FF2B5EF4-FFF2-40B4-BE49-F238E27FC236}">
                  <a16:creationId xmlns:a16="http://schemas.microsoft.com/office/drawing/2014/main" id="{8B98CB27-1371-969F-B33D-0D119BC54A78}"/>
                </a:ext>
              </a:extLst>
            </p:cNvPr>
            <p:cNvGrpSpPr/>
            <p:nvPr/>
          </p:nvGrpSpPr>
          <p:grpSpPr>
            <a:xfrm>
              <a:off x="4422775" y="3429000"/>
              <a:ext cx="696913" cy="1036813"/>
              <a:chOff x="2485305" y="3727610"/>
              <a:chExt cx="696913" cy="1036813"/>
            </a:xfrm>
          </p:grpSpPr>
          <p:sp>
            <p:nvSpPr>
              <p:cNvPr id="48" name="Content Placeholder 11">
                <a:extLst>
                  <a:ext uri="{FF2B5EF4-FFF2-40B4-BE49-F238E27FC236}">
                    <a16:creationId xmlns:a16="http://schemas.microsoft.com/office/drawing/2014/main" id="{61E9E7D7-D337-384B-A26F-8627CE5AC5AD}"/>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50" name="Content Placeholder 11">
                <a:extLst>
                  <a:ext uri="{FF2B5EF4-FFF2-40B4-BE49-F238E27FC236}">
                    <a16:creationId xmlns:a16="http://schemas.microsoft.com/office/drawing/2014/main" id="{66243E69-FF46-8584-1A86-0C25DAF8F81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2B823F"/>
              </a:solidFill>
              <a:ln w="5963" cap="flat">
                <a:noFill/>
                <a:prstDash val="solid"/>
                <a:miter/>
              </a:ln>
            </p:spPr>
            <p:txBody>
              <a:bodyPr rtlCol="0" anchor="ctr"/>
              <a:lstStyle/>
              <a:p>
                <a:endParaRPr lang="en-US" dirty="0"/>
              </a:p>
            </p:txBody>
          </p:sp>
        </p:grpSp>
        <p:sp>
          <p:nvSpPr>
            <p:cNvPr id="38" name="Text Placeholder 5">
              <a:extLst>
                <a:ext uri="{FF2B5EF4-FFF2-40B4-BE49-F238E27FC236}">
                  <a16:creationId xmlns:a16="http://schemas.microsoft.com/office/drawing/2014/main" id="{C01C3626-3D7B-9B0A-8262-58DB0AF5F811}"/>
                </a:ext>
              </a:extLst>
            </p:cNvPr>
            <p:cNvSpPr txBox="1">
              <a:spLocks/>
            </p:cNvSpPr>
            <p:nvPr/>
          </p:nvSpPr>
          <p:spPr>
            <a:xfrm>
              <a:off x="4577258"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2</a:t>
              </a:r>
            </a:p>
          </p:txBody>
        </p:sp>
      </p:grpSp>
      <p:grpSp>
        <p:nvGrpSpPr>
          <p:cNvPr id="82" name="Group 81">
            <a:extLst>
              <a:ext uri="{FF2B5EF4-FFF2-40B4-BE49-F238E27FC236}">
                <a16:creationId xmlns:a16="http://schemas.microsoft.com/office/drawing/2014/main" id="{1DBA4338-6992-08D9-E762-89BD0547C842}"/>
              </a:ext>
            </a:extLst>
          </p:cNvPr>
          <p:cNvGrpSpPr/>
          <p:nvPr/>
        </p:nvGrpSpPr>
        <p:grpSpPr>
          <a:xfrm>
            <a:off x="6608022" y="3429000"/>
            <a:ext cx="696913" cy="1036813"/>
            <a:chOff x="6646575" y="3429000"/>
            <a:chExt cx="696913" cy="1036813"/>
          </a:xfrm>
        </p:grpSpPr>
        <p:grpSp>
          <p:nvGrpSpPr>
            <p:cNvPr id="11" name="Group 10">
              <a:extLst>
                <a:ext uri="{FF2B5EF4-FFF2-40B4-BE49-F238E27FC236}">
                  <a16:creationId xmlns:a16="http://schemas.microsoft.com/office/drawing/2014/main" id="{CEB0665A-DD12-CB8F-1407-354C59814E91}"/>
                </a:ext>
              </a:extLst>
            </p:cNvPr>
            <p:cNvGrpSpPr/>
            <p:nvPr/>
          </p:nvGrpSpPr>
          <p:grpSpPr>
            <a:xfrm>
              <a:off x="6646575" y="3429000"/>
              <a:ext cx="696913" cy="1036813"/>
              <a:chOff x="2485305" y="3727610"/>
              <a:chExt cx="696913" cy="1036813"/>
            </a:xfrm>
          </p:grpSpPr>
          <p:sp>
            <p:nvSpPr>
              <p:cNvPr id="12" name="Content Placeholder 11">
                <a:extLst>
                  <a:ext uri="{FF2B5EF4-FFF2-40B4-BE49-F238E27FC236}">
                    <a16:creationId xmlns:a16="http://schemas.microsoft.com/office/drawing/2014/main" id="{E4E240AB-8E76-9866-7A9C-C82203393B62}"/>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13" name="Content Placeholder 11">
                <a:extLst>
                  <a:ext uri="{FF2B5EF4-FFF2-40B4-BE49-F238E27FC236}">
                    <a16:creationId xmlns:a16="http://schemas.microsoft.com/office/drawing/2014/main" id="{D59F2E9B-206B-F39C-44A7-7B3C7989C3F0}"/>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2B823F"/>
              </a:solidFill>
              <a:ln w="5963" cap="flat">
                <a:noFill/>
                <a:prstDash val="solid"/>
                <a:miter/>
              </a:ln>
            </p:spPr>
            <p:txBody>
              <a:bodyPr rtlCol="0" anchor="ctr"/>
              <a:lstStyle/>
              <a:p>
                <a:endParaRPr lang="en-US"/>
              </a:p>
            </p:txBody>
          </p:sp>
        </p:grpSp>
        <p:sp>
          <p:nvSpPr>
            <p:cNvPr id="39" name="Text Placeholder 5">
              <a:extLst>
                <a:ext uri="{FF2B5EF4-FFF2-40B4-BE49-F238E27FC236}">
                  <a16:creationId xmlns:a16="http://schemas.microsoft.com/office/drawing/2014/main" id="{BA471C7D-76CD-B897-BA0B-86AEA3E10383}"/>
                </a:ext>
              </a:extLst>
            </p:cNvPr>
            <p:cNvSpPr txBox="1">
              <a:spLocks/>
            </p:cNvSpPr>
            <p:nvPr/>
          </p:nvSpPr>
          <p:spPr>
            <a:xfrm>
              <a:off x="6812303"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3</a:t>
              </a:r>
            </a:p>
          </p:txBody>
        </p:sp>
      </p:grpSp>
      <p:grpSp>
        <p:nvGrpSpPr>
          <p:cNvPr id="85" name="Group 84">
            <a:extLst>
              <a:ext uri="{FF2B5EF4-FFF2-40B4-BE49-F238E27FC236}">
                <a16:creationId xmlns:a16="http://schemas.microsoft.com/office/drawing/2014/main" id="{A9F6907B-2A99-1AAD-F09F-8B64646E54D5}"/>
              </a:ext>
            </a:extLst>
          </p:cNvPr>
          <p:cNvGrpSpPr/>
          <p:nvPr/>
        </p:nvGrpSpPr>
        <p:grpSpPr>
          <a:xfrm>
            <a:off x="8693001" y="3429000"/>
            <a:ext cx="696913" cy="1036813"/>
            <a:chOff x="10727934" y="3429000"/>
            <a:chExt cx="696913" cy="1036813"/>
          </a:xfrm>
        </p:grpSpPr>
        <p:grpSp>
          <p:nvGrpSpPr>
            <p:cNvPr id="54" name="Group 53">
              <a:extLst>
                <a:ext uri="{FF2B5EF4-FFF2-40B4-BE49-F238E27FC236}">
                  <a16:creationId xmlns:a16="http://schemas.microsoft.com/office/drawing/2014/main" id="{DD9D2B3C-6BAA-AC32-A908-09BAF2754DF3}"/>
                </a:ext>
              </a:extLst>
            </p:cNvPr>
            <p:cNvGrpSpPr/>
            <p:nvPr/>
          </p:nvGrpSpPr>
          <p:grpSpPr>
            <a:xfrm>
              <a:off x="10727934" y="3429000"/>
              <a:ext cx="696913" cy="1036813"/>
              <a:chOff x="2485305" y="3727610"/>
              <a:chExt cx="696913" cy="1036813"/>
            </a:xfrm>
          </p:grpSpPr>
          <p:sp>
            <p:nvSpPr>
              <p:cNvPr id="57" name="Content Placeholder 11">
                <a:extLst>
                  <a:ext uri="{FF2B5EF4-FFF2-40B4-BE49-F238E27FC236}">
                    <a16:creationId xmlns:a16="http://schemas.microsoft.com/office/drawing/2014/main" id="{56132545-6F55-5D81-7761-B1DDE4F45F40}"/>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59" name="Content Placeholder 11">
                <a:extLst>
                  <a:ext uri="{FF2B5EF4-FFF2-40B4-BE49-F238E27FC236}">
                    <a16:creationId xmlns:a16="http://schemas.microsoft.com/office/drawing/2014/main" id="{802E6817-ACC5-3B7F-069B-950F0FE1B1D4}"/>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2B823F"/>
              </a:solidFill>
              <a:ln w="5963" cap="flat">
                <a:noFill/>
                <a:prstDash val="solid"/>
                <a:miter/>
              </a:ln>
            </p:spPr>
            <p:txBody>
              <a:bodyPr rtlCol="0" anchor="ctr"/>
              <a:lstStyle/>
              <a:p>
                <a:endParaRPr lang="en-US"/>
              </a:p>
            </p:txBody>
          </p:sp>
        </p:grpSp>
        <p:sp>
          <p:nvSpPr>
            <p:cNvPr id="40" name="Text Placeholder 5">
              <a:extLst>
                <a:ext uri="{FF2B5EF4-FFF2-40B4-BE49-F238E27FC236}">
                  <a16:creationId xmlns:a16="http://schemas.microsoft.com/office/drawing/2014/main" id="{133381A5-3342-36F0-A0C3-5BC98B1403F9}"/>
                </a:ext>
              </a:extLst>
            </p:cNvPr>
            <p:cNvSpPr txBox="1">
              <a:spLocks/>
            </p:cNvSpPr>
            <p:nvPr/>
          </p:nvSpPr>
          <p:spPr>
            <a:xfrm>
              <a:off x="10881240"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4</a:t>
              </a:r>
            </a:p>
          </p:txBody>
        </p:sp>
      </p:grpSp>
      <p:pic>
        <p:nvPicPr>
          <p:cNvPr id="80" name="Picture 79" descr="A black background with blue and red text&#10;&#10;Description automatically generated">
            <a:extLst>
              <a:ext uri="{FF2B5EF4-FFF2-40B4-BE49-F238E27FC236}">
                <a16:creationId xmlns:a16="http://schemas.microsoft.com/office/drawing/2014/main" id="{74627921-A4FD-961C-668A-04B86E6BF1E9}"/>
              </a:ext>
            </a:extLst>
          </p:cNvPr>
          <p:cNvPicPr>
            <a:picLocks noChangeAspect="1"/>
          </p:cNvPicPr>
          <p:nvPr/>
        </p:nvPicPr>
        <p:blipFill rotWithShape="1">
          <a:blip r:embed="rId6">
            <a:extLst>
              <a:ext uri="{28A0092B-C50C-407E-A947-70E740481C1C}">
                <a14:useLocalDpi xmlns:a14="http://schemas.microsoft.com/office/drawing/2010/main"/>
              </a:ext>
            </a:extLst>
          </a:blip>
          <a:srcRect/>
          <a:stretch/>
        </p:blipFill>
        <p:spPr>
          <a:xfrm>
            <a:off x="616509" y="662871"/>
            <a:ext cx="5078461" cy="1316267"/>
          </a:xfrm>
          <a:prstGeom prst="rect">
            <a:avLst/>
          </a:prstGeom>
        </p:spPr>
      </p:pic>
      <p:grpSp>
        <p:nvGrpSpPr>
          <p:cNvPr id="86" name="Group 85">
            <a:extLst>
              <a:ext uri="{FF2B5EF4-FFF2-40B4-BE49-F238E27FC236}">
                <a16:creationId xmlns:a16="http://schemas.microsoft.com/office/drawing/2014/main" id="{3A0973D9-AF57-9149-69FC-8A1496A57348}"/>
              </a:ext>
            </a:extLst>
          </p:cNvPr>
          <p:cNvGrpSpPr/>
          <p:nvPr/>
        </p:nvGrpSpPr>
        <p:grpSpPr>
          <a:xfrm>
            <a:off x="10777981" y="3429000"/>
            <a:ext cx="696913" cy="1036813"/>
            <a:chOff x="10727934" y="3429000"/>
            <a:chExt cx="696913" cy="1036813"/>
          </a:xfrm>
        </p:grpSpPr>
        <p:grpSp>
          <p:nvGrpSpPr>
            <p:cNvPr id="87" name="Group 86">
              <a:extLst>
                <a:ext uri="{FF2B5EF4-FFF2-40B4-BE49-F238E27FC236}">
                  <a16:creationId xmlns:a16="http://schemas.microsoft.com/office/drawing/2014/main" id="{0D8572EB-A2D9-52A4-82A5-E35285814B1D}"/>
                </a:ext>
              </a:extLst>
            </p:cNvPr>
            <p:cNvGrpSpPr/>
            <p:nvPr/>
          </p:nvGrpSpPr>
          <p:grpSpPr>
            <a:xfrm>
              <a:off x="10727934" y="3429000"/>
              <a:ext cx="696913" cy="1036813"/>
              <a:chOff x="2485305" y="3727610"/>
              <a:chExt cx="696913" cy="1036813"/>
            </a:xfrm>
          </p:grpSpPr>
          <p:sp>
            <p:nvSpPr>
              <p:cNvPr id="89" name="Content Placeholder 11">
                <a:extLst>
                  <a:ext uri="{FF2B5EF4-FFF2-40B4-BE49-F238E27FC236}">
                    <a16:creationId xmlns:a16="http://schemas.microsoft.com/office/drawing/2014/main" id="{8AB767E0-4EE9-C862-4371-79DCB8105A7C}"/>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90" name="Content Placeholder 11">
                <a:extLst>
                  <a:ext uri="{FF2B5EF4-FFF2-40B4-BE49-F238E27FC236}">
                    <a16:creationId xmlns:a16="http://schemas.microsoft.com/office/drawing/2014/main" id="{B24538B7-F66F-ECE8-2B20-0995B9819297}"/>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2B823F"/>
              </a:solidFill>
              <a:ln w="5963" cap="flat">
                <a:noFill/>
                <a:prstDash val="solid"/>
                <a:miter/>
              </a:ln>
            </p:spPr>
            <p:txBody>
              <a:bodyPr rtlCol="0" anchor="ctr"/>
              <a:lstStyle/>
              <a:p>
                <a:endParaRPr lang="en-US"/>
              </a:p>
            </p:txBody>
          </p:sp>
        </p:grpSp>
        <p:sp>
          <p:nvSpPr>
            <p:cNvPr id="88" name="Text Placeholder 5">
              <a:extLst>
                <a:ext uri="{FF2B5EF4-FFF2-40B4-BE49-F238E27FC236}">
                  <a16:creationId xmlns:a16="http://schemas.microsoft.com/office/drawing/2014/main" id="{FBAC8EE0-18F5-3D81-D5AC-55D7AFFAE086}"/>
                </a:ext>
              </a:extLst>
            </p:cNvPr>
            <p:cNvSpPr txBox="1">
              <a:spLocks/>
            </p:cNvSpPr>
            <p:nvPr/>
          </p:nvSpPr>
          <p:spPr>
            <a:xfrm>
              <a:off x="10881240"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5</a:t>
              </a:r>
            </a:p>
          </p:txBody>
        </p:sp>
      </p:grpSp>
      <p:sp>
        <p:nvSpPr>
          <p:cNvPr id="95" name="Text Placeholder 5">
            <a:extLst>
              <a:ext uri="{FF2B5EF4-FFF2-40B4-BE49-F238E27FC236}">
                <a16:creationId xmlns:a16="http://schemas.microsoft.com/office/drawing/2014/main" id="{4F80C682-0558-1D5B-39A9-C240CD2A98DF}"/>
              </a:ext>
            </a:extLst>
          </p:cNvPr>
          <p:cNvSpPr txBox="1">
            <a:spLocks/>
          </p:cNvSpPr>
          <p:nvPr/>
        </p:nvSpPr>
        <p:spPr>
          <a:xfrm>
            <a:off x="9469809" y="4800484"/>
            <a:ext cx="2001466"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Make Penn Medicine the world’s most recognized source of scientific innovation </a:t>
            </a:r>
          </a:p>
        </p:txBody>
      </p:sp>
    </p:spTree>
    <p:custDataLst>
      <p:custData r:id="rId1"/>
      <p:custData r:id="rId2"/>
    </p:custDataLst>
    <p:extLst>
      <p:ext uri="{BB962C8B-B14F-4D97-AF65-F5344CB8AC3E}">
        <p14:creationId xmlns:p14="http://schemas.microsoft.com/office/powerpoint/2010/main" val="101307657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66" name="Group 65">
            <a:extLst>
              <a:ext uri="{FF2B5EF4-FFF2-40B4-BE49-F238E27FC236}">
                <a16:creationId xmlns:a16="http://schemas.microsoft.com/office/drawing/2014/main" id="{9E81C2DC-2529-BB9F-5020-73E6540FDBC5}"/>
              </a:ext>
            </a:extLst>
          </p:cNvPr>
          <p:cNvGrpSpPr/>
          <p:nvPr/>
        </p:nvGrpSpPr>
        <p:grpSpPr>
          <a:xfrm>
            <a:off x="5948924" y="-20093"/>
            <a:ext cx="6243074" cy="3943867"/>
            <a:chOff x="6001918" y="0"/>
            <a:chExt cx="6243074" cy="3943867"/>
          </a:xfrm>
        </p:grpSpPr>
        <p:pic>
          <p:nvPicPr>
            <p:cNvPr id="64" name="Picture 63">
              <a:extLst>
                <a:ext uri="{FF2B5EF4-FFF2-40B4-BE49-F238E27FC236}">
                  <a16:creationId xmlns:a16="http://schemas.microsoft.com/office/drawing/2014/main" id="{89467148-945F-B807-B1C4-57653CD30C43}"/>
                </a:ext>
              </a:extLst>
            </p:cNvPr>
            <p:cNvPicPr>
              <a:picLocks noChangeAspect="1"/>
            </p:cNvPicPr>
            <p:nvPr/>
          </p:nvPicPr>
          <p:blipFill rotWithShape="1">
            <a:blip r:embed="rId5">
              <a:alphaModFix amt="35000"/>
              <a:extLst>
                <a:ext uri="{28A0092B-C50C-407E-A947-70E740481C1C}">
                  <a14:useLocalDpi xmlns:a14="http://schemas.microsoft.com/office/drawing/2010/main"/>
                </a:ext>
              </a:extLst>
            </a:blip>
            <a:srcRect/>
            <a:stretch/>
          </p:blipFill>
          <p:spPr>
            <a:xfrm flipH="1">
              <a:off x="6001918" y="0"/>
              <a:ext cx="6243074" cy="3943867"/>
            </a:xfrm>
            <a:prstGeom prst="rect">
              <a:avLst/>
            </a:prstGeom>
            <a:gradFill>
              <a:gsLst>
                <a:gs pos="100000">
                  <a:schemeClr val="bg1">
                    <a:alpha val="0"/>
                  </a:schemeClr>
                </a:gs>
                <a:gs pos="11000">
                  <a:srgbClr val="9EC3E1"/>
                </a:gs>
              </a:gsLst>
              <a:lin ang="2700000" scaled="1"/>
            </a:gradFill>
            <a:effectLst>
              <a:softEdge rad="0"/>
            </a:effectLst>
          </p:spPr>
        </p:pic>
        <p:sp>
          <p:nvSpPr>
            <p:cNvPr id="65" name="Rectangle 64">
              <a:extLst>
                <a:ext uri="{FF2B5EF4-FFF2-40B4-BE49-F238E27FC236}">
                  <a16:creationId xmlns:a16="http://schemas.microsoft.com/office/drawing/2014/main" id="{85D41CB0-2D06-E99D-D7E5-D77281F97946}"/>
                </a:ext>
              </a:extLst>
            </p:cNvPr>
            <p:cNvSpPr/>
            <p:nvPr/>
          </p:nvSpPr>
          <p:spPr>
            <a:xfrm>
              <a:off x="6001919" y="0"/>
              <a:ext cx="3857553" cy="3943867"/>
            </a:xfrm>
            <a:prstGeom prst="rect">
              <a:avLst/>
            </a:prstGeom>
            <a:gradFill flip="none" rotWithShape="1">
              <a:gsLst>
                <a:gs pos="0">
                  <a:schemeClr val="bg1">
                    <a:alpha val="0"/>
                  </a:schemeClr>
                </a:gs>
                <a:gs pos="100000">
                  <a:schemeClr val="bg1"/>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grpSp>
        <p:nvGrpSpPr>
          <p:cNvPr id="36" name="Group 35">
            <a:extLst>
              <a:ext uri="{FF2B5EF4-FFF2-40B4-BE49-F238E27FC236}">
                <a16:creationId xmlns:a16="http://schemas.microsoft.com/office/drawing/2014/main" id="{43B56BB0-F83A-F425-D5F4-5717228035EC}"/>
              </a:ext>
            </a:extLst>
          </p:cNvPr>
          <p:cNvGrpSpPr/>
          <p:nvPr/>
        </p:nvGrpSpPr>
        <p:grpSpPr>
          <a:xfrm>
            <a:off x="3406323" y="-1099502"/>
            <a:ext cx="7132695" cy="7628971"/>
            <a:chOff x="3998339" y="-1284257"/>
            <a:chExt cx="6499168" cy="6951365"/>
          </a:xfrm>
        </p:grpSpPr>
        <p:grpSp>
          <p:nvGrpSpPr>
            <p:cNvPr id="22" name="Graphic 15">
              <a:extLst>
                <a:ext uri="{FF2B5EF4-FFF2-40B4-BE49-F238E27FC236}">
                  <a16:creationId xmlns:a16="http://schemas.microsoft.com/office/drawing/2014/main" id="{4DAA5932-643F-2251-E954-8A127FD8AD8C}"/>
                </a:ext>
              </a:extLst>
            </p:cNvPr>
            <p:cNvGrpSpPr/>
            <p:nvPr/>
          </p:nvGrpSpPr>
          <p:grpSpPr>
            <a:xfrm>
              <a:off x="3998339" y="-1284257"/>
              <a:ext cx="6499168" cy="6951365"/>
              <a:chOff x="3998339" y="-1284257"/>
              <a:chExt cx="6499168" cy="6951365"/>
            </a:xfrm>
          </p:grpSpPr>
          <p:sp>
            <p:nvSpPr>
              <p:cNvPr id="24" name="Freeform 23">
                <a:extLst>
                  <a:ext uri="{FF2B5EF4-FFF2-40B4-BE49-F238E27FC236}">
                    <a16:creationId xmlns:a16="http://schemas.microsoft.com/office/drawing/2014/main" id="{38E420B7-77EA-AEE6-E0D2-8F701F1860C1}"/>
                  </a:ext>
                </a:extLst>
              </p:cNvPr>
              <p:cNvSpPr/>
              <p:nvPr/>
            </p:nvSpPr>
            <p:spPr>
              <a:xfrm>
                <a:off x="3998339" y="-1284257"/>
                <a:ext cx="5164217" cy="5155806"/>
              </a:xfrm>
              <a:custGeom>
                <a:avLst/>
                <a:gdLst>
                  <a:gd name="connsiteX0" fmla="*/ 5164218 w 5164217"/>
                  <a:gd name="connsiteY0" fmla="*/ 96 h 5155806"/>
                  <a:gd name="connsiteX1" fmla="*/ 83040 w 5164217"/>
                  <a:gd name="connsiteY1" fmla="*/ 5155807 h 5155806"/>
                  <a:gd name="connsiteX2" fmla="*/ 94980 w 5164217"/>
                  <a:gd name="connsiteY2" fmla="*/ 5103249 h 5155806"/>
                  <a:gd name="connsiteX3" fmla="*/ 4921802 w 5164217"/>
                  <a:gd name="connsiteY3" fmla="*/ 342778 h 5155806"/>
                  <a:gd name="connsiteX4" fmla="*/ 5164218 w 5164217"/>
                  <a:gd name="connsiteY4" fmla="*/ 0 h 5155806"/>
                  <a:gd name="connsiteX5" fmla="*/ 5164218 w 5164217"/>
                  <a:gd name="connsiteY5" fmla="*/ 0 h 51558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164217" h="5155806">
                    <a:moveTo>
                      <a:pt x="5164218" y="96"/>
                    </a:moveTo>
                    <a:cubicBezTo>
                      <a:pt x="4909577" y="2855174"/>
                      <a:pt x="2994608" y="4946337"/>
                      <a:pt x="83040" y="5155807"/>
                    </a:cubicBezTo>
                    <a:cubicBezTo>
                      <a:pt x="83040" y="5155807"/>
                      <a:pt x="-111522" y="5114429"/>
                      <a:pt x="94980" y="5103249"/>
                    </a:cubicBezTo>
                    <a:cubicBezTo>
                      <a:pt x="1764955" y="5013421"/>
                      <a:pt x="4667734" y="3821297"/>
                      <a:pt x="4921802" y="342778"/>
                    </a:cubicBezTo>
                    <a:cubicBezTo>
                      <a:pt x="4921802" y="342778"/>
                      <a:pt x="5164218" y="0"/>
                      <a:pt x="5164218" y="0"/>
                    </a:cubicBezTo>
                    <a:lnTo>
                      <a:pt x="5164218" y="0"/>
                    </a:lnTo>
                    <a:close/>
                  </a:path>
                </a:pathLst>
              </a:custGeom>
              <a:gradFill>
                <a:gsLst>
                  <a:gs pos="100000">
                    <a:schemeClr val="accent5"/>
                  </a:gs>
                  <a:gs pos="0">
                    <a:schemeClr val="bg1"/>
                  </a:gs>
                </a:gsLst>
                <a:lin ang="8100000" scaled="1"/>
              </a:gradFill>
              <a:ln w="9546" cap="flat">
                <a:noFill/>
                <a:prstDash val="solid"/>
                <a:miter/>
              </a:ln>
            </p:spPr>
            <p:txBody>
              <a:bodyPr rtlCol="0" anchor="ctr"/>
              <a:lstStyle/>
              <a:p>
                <a:endParaRPr lang="en-US" dirty="0"/>
              </a:p>
            </p:txBody>
          </p:sp>
          <p:sp>
            <p:nvSpPr>
              <p:cNvPr id="25" name="Freeform 24">
                <a:extLst>
                  <a:ext uri="{FF2B5EF4-FFF2-40B4-BE49-F238E27FC236}">
                    <a16:creationId xmlns:a16="http://schemas.microsoft.com/office/drawing/2014/main" id="{E1008809-D254-EBEC-28AD-E2ED15A9B970}"/>
                  </a:ext>
                </a:extLst>
              </p:cNvPr>
              <p:cNvSpPr/>
              <p:nvPr/>
            </p:nvSpPr>
            <p:spPr>
              <a:xfrm>
                <a:off x="7276453" y="-986584"/>
                <a:ext cx="3221054" cy="6653692"/>
              </a:xfrm>
              <a:custGeom>
                <a:avLst/>
                <a:gdLst>
                  <a:gd name="connsiteX0" fmla="*/ 263409 w 3221054"/>
                  <a:gd name="connsiteY0" fmla="*/ 0 h 6653692"/>
                  <a:gd name="connsiteX1" fmla="*/ 3131421 w 3221054"/>
                  <a:gd name="connsiteY1" fmla="*/ 6647803 h 6653692"/>
                  <a:gd name="connsiteX2" fmla="*/ 3139348 w 3221054"/>
                  <a:gd name="connsiteY2" fmla="*/ 6594575 h 6653692"/>
                  <a:gd name="connsiteX3" fmla="*/ 365323 w 3221054"/>
                  <a:gd name="connsiteY3" fmla="*/ 407472 h 6653692"/>
                  <a:gd name="connsiteX4" fmla="*/ 263504 w 3221054"/>
                  <a:gd name="connsiteY4" fmla="*/ 96 h 6653692"/>
                  <a:gd name="connsiteX5" fmla="*/ 263504 w 3221054"/>
                  <a:gd name="connsiteY5" fmla="*/ 96 h 665369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221054" h="6653692">
                    <a:moveTo>
                      <a:pt x="263409" y="0"/>
                    </a:moveTo>
                    <a:cubicBezTo>
                      <a:pt x="-533564" y="2753402"/>
                      <a:pt x="493694" y="5396717"/>
                      <a:pt x="3131421" y="6647803"/>
                    </a:cubicBezTo>
                    <a:cubicBezTo>
                      <a:pt x="3131421" y="6647803"/>
                      <a:pt x="3327704" y="6679815"/>
                      <a:pt x="3139348" y="6594575"/>
                    </a:cubicBezTo>
                    <a:cubicBezTo>
                      <a:pt x="1615511" y="5905293"/>
                      <a:pt x="-658019" y="3741599"/>
                      <a:pt x="365323" y="407472"/>
                    </a:cubicBezTo>
                    <a:cubicBezTo>
                      <a:pt x="365323" y="407472"/>
                      <a:pt x="263504" y="96"/>
                      <a:pt x="263504" y="96"/>
                    </a:cubicBezTo>
                    <a:lnTo>
                      <a:pt x="263504" y="96"/>
                    </a:lnTo>
                    <a:close/>
                  </a:path>
                </a:pathLst>
              </a:custGeom>
              <a:gradFill flip="none" rotWithShape="1">
                <a:gsLst>
                  <a:gs pos="42000">
                    <a:schemeClr val="accent1"/>
                  </a:gs>
                  <a:gs pos="89000">
                    <a:schemeClr val="bg1">
                      <a:alpha val="0"/>
                    </a:schemeClr>
                  </a:gs>
                </a:gsLst>
                <a:lin ang="0" scaled="1"/>
                <a:tileRect/>
              </a:gradFill>
              <a:ln w="9546" cap="flat">
                <a:noFill/>
                <a:prstDash val="solid"/>
                <a:miter/>
              </a:ln>
            </p:spPr>
            <p:txBody>
              <a:bodyPr rtlCol="0" anchor="ctr"/>
              <a:lstStyle/>
              <a:p>
                <a:endParaRPr lang="en-US" dirty="0"/>
              </a:p>
            </p:txBody>
          </p:sp>
        </p:grpSp>
        <p:sp>
          <p:nvSpPr>
            <p:cNvPr id="26" name="Freeform 25">
              <a:extLst>
                <a:ext uri="{FF2B5EF4-FFF2-40B4-BE49-F238E27FC236}">
                  <a16:creationId xmlns:a16="http://schemas.microsoft.com/office/drawing/2014/main" id="{2E44CD58-73EF-F3B3-5256-E88B1CC83F89}"/>
                </a:ext>
              </a:extLst>
            </p:cNvPr>
            <p:cNvSpPr/>
            <p:nvPr/>
          </p:nvSpPr>
          <p:spPr>
            <a:xfrm>
              <a:off x="6751963" y="1295259"/>
              <a:ext cx="520936" cy="385983"/>
            </a:xfrm>
            <a:custGeom>
              <a:avLst/>
              <a:gdLst>
                <a:gd name="connsiteX0" fmla="*/ 520936 w 520936"/>
                <a:gd name="connsiteY0" fmla="*/ 380965 h 385983"/>
                <a:gd name="connsiteX1" fmla="*/ 0 w 520936"/>
                <a:gd name="connsiteY1" fmla="*/ 4359 h 385983"/>
                <a:gd name="connsiteX2" fmla="*/ 520936 w 520936"/>
                <a:gd name="connsiteY2" fmla="*/ 380965 h 385983"/>
                <a:gd name="connsiteX3" fmla="*/ 520936 w 520936"/>
                <a:gd name="connsiteY3" fmla="*/ 380965 h 385983"/>
              </a:gdLst>
              <a:ahLst/>
              <a:cxnLst>
                <a:cxn ang="0">
                  <a:pos x="connsiteX0" y="connsiteY0"/>
                </a:cxn>
                <a:cxn ang="0">
                  <a:pos x="connsiteX1" y="connsiteY1"/>
                </a:cxn>
                <a:cxn ang="0">
                  <a:pos x="connsiteX2" y="connsiteY2"/>
                </a:cxn>
                <a:cxn ang="0">
                  <a:pos x="connsiteX3" y="connsiteY3"/>
                </a:cxn>
              </a:cxnLst>
              <a:rect l="l" t="t" r="r" b="b"/>
              <a:pathLst>
                <a:path w="520936" h="385983">
                  <a:moveTo>
                    <a:pt x="520936" y="380965"/>
                  </a:moveTo>
                  <a:cubicBezTo>
                    <a:pt x="520936" y="380965"/>
                    <a:pt x="443187" y="-47531"/>
                    <a:pt x="0" y="4359"/>
                  </a:cubicBezTo>
                  <a:cubicBezTo>
                    <a:pt x="0" y="4359"/>
                    <a:pt x="74119" y="437060"/>
                    <a:pt x="520936" y="380965"/>
                  </a:cubicBezTo>
                  <a:lnTo>
                    <a:pt x="520936" y="380965"/>
                  </a:lnTo>
                  <a:close/>
                </a:path>
              </a:pathLst>
            </a:custGeom>
            <a:solidFill>
              <a:schemeClr val="accent5"/>
            </a:solidFill>
            <a:ln w="9546" cap="flat">
              <a:noFill/>
              <a:prstDash val="solid"/>
              <a:miter/>
            </a:ln>
          </p:spPr>
          <p:txBody>
            <a:bodyPr rtlCol="0" anchor="ctr"/>
            <a:lstStyle/>
            <a:p>
              <a:endParaRPr lang="en-US"/>
            </a:p>
          </p:txBody>
        </p:sp>
        <p:sp>
          <p:nvSpPr>
            <p:cNvPr id="35" name="Freeform 34">
              <a:extLst>
                <a:ext uri="{FF2B5EF4-FFF2-40B4-BE49-F238E27FC236}">
                  <a16:creationId xmlns:a16="http://schemas.microsoft.com/office/drawing/2014/main" id="{D2D205D4-BB1C-D88A-10E4-C997588FB2A3}"/>
                </a:ext>
              </a:extLst>
            </p:cNvPr>
            <p:cNvSpPr/>
            <p:nvPr/>
          </p:nvSpPr>
          <p:spPr>
            <a:xfrm>
              <a:off x="6987693" y="1737002"/>
              <a:ext cx="296476" cy="305317"/>
            </a:xfrm>
            <a:custGeom>
              <a:avLst/>
              <a:gdLst>
                <a:gd name="connsiteX0" fmla="*/ 0 w 296476"/>
                <a:gd name="connsiteY0" fmla="*/ 305318 h 305317"/>
                <a:gd name="connsiteX1" fmla="*/ 296477 w 296476"/>
                <a:gd name="connsiteY1" fmla="*/ 0 h 305317"/>
                <a:gd name="connsiteX2" fmla="*/ 0 w 296476"/>
                <a:gd name="connsiteY2" fmla="*/ 305318 h 305317"/>
                <a:gd name="connsiteX3" fmla="*/ 0 w 296476"/>
                <a:gd name="connsiteY3" fmla="*/ 305318 h 305317"/>
              </a:gdLst>
              <a:ahLst/>
              <a:cxnLst>
                <a:cxn ang="0">
                  <a:pos x="connsiteX0" y="connsiteY0"/>
                </a:cxn>
                <a:cxn ang="0">
                  <a:pos x="connsiteX1" y="connsiteY1"/>
                </a:cxn>
                <a:cxn ang="0">
                  <a:pos x="connsiteX2" y="connsiteY2"/>
                </a:cxn>
                <a:cxn ang="0">
                  <a:pos x="connsiteX3" y="connsiteY3"/>
                </a:cxn>
              </a:cxnLst>
              <a:rect l="l" t="t" r="r" b="b"/>
              <a:pathLst>
                <a:path w="296476" h="305317">
                  <a:moveTo>
                    <a:pt x="0" y="305318"/>
                  </a:moveTo>
                  <a:cubicBezTo>
                    <a:pt x="0" y="305318"/>
                    <a:pt x="282054" y="275120"/>
                    <a:pt x="296477" y="0"/>
                  </a:cubicBezTo>
                  <a:cubicBezTo>
                    <a:pt x="296477" y="0"/>
                    <a:pt x="12130" y="27808"/>
                    <a:pt x="0" y="305318"/>
                  </a:cubicBezTo>
                  <a:lnTo>
                    <a:pt x="0" y="305318"/>
                  </a:lnTo>
                  <a:close/>
                </a:path>
              </a:pathLst>
            </a:custGeom>
            <a:solidFill>
              <a:schemeClr val="accent5"/>
            </a:solidFill>
            <a:ln w="9546" cap="flat">
              <a:noFill/>
              <a:prstDash val="solid"/>
              <a:miter/>
            </a:ln>
          </p:spPr>
          <p:txBody>
            <a:bodyPr rtlCol="0" anchor="ctr"/>
            <a:lstStyle/>
            <a:p>
              <a:endParaRPr lang="en-US"/>
            </a:p>
          </p:txBody>
        </p:sp>
      </p:grpSp>
      <p:sp>
        <p:nvSpPr>
          <p:cNvPr id="46" name="Rectangle 45">
            <a:extLst>
              <a:ext uri="{FF2B5EF4-FFF2-40B4-BE49-F238E27FC236}">
                <a16:creationId xmlns:a16="http://schemas.microsoft.com/office/drawing/2014/main" id="{1F2D1A2A-A4E9-DD12-6FB4-8EEEB6641B01}"/>
              </a:ext>
            </a:extLst>
          </p:cNvPr>
          <p:cNvSpPr/>
          <p:nvPr/>
        </p:nvSpPr>
        <p:spPr>
          <a:xfrm>
            <a:off x="0" y="3947406"/>
            <a:ext cx="12192000" cy="24920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72" name="Rectangle 71">
            <a:extLst>
              <a:ext uri="{FF2B5EF4-FFF2-40B4-BE49-F238E27FC236}">
                <a16:creationId xmlns:a16="http://schemas.microsoft.com/office/drawing/2014/main" id="{876C5D27-A60D-4964-94E9-2A54BF3D9F1B}"/>
              </a:ext>
            </a:extLst>
          </p:cNvPr>
          <p:cNvSpPr/>
          <p:nvPr/>
        </p:nvSpPr>
        <p:spPr>
          <a:xfrm>
            <a:off x="708311"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3" name="Rectangle 72">
            <a:extLst>
              <a:ext uri="{FF2B5EF4-FFF2-40B4-BE49-F238E27FC236}">
                <a16:creationId xmlns:a16="http://schemas.microsoft.com/office/drawing/2014/main" id="{105B7CD2-AFDB-834D-8F9E-3464D3AE945F}"/>
              </a:ext>
            </a:extLst>
          </p:cNvPr>
          <p:cNvSpPr/>
          <p:nvPr/>
        </p:nvSpPr>
        <p:spPr>
          <a:xfrm>
            <a:off x="3442685"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4" name="Rectangle 73">
            <a:extLst>
              <a:ext uri="{FF2B5EF4-FFF2-40B4-BE49-F238E27FC236}">
                <a16:creationId xmlns:a16="http://schemas.microsoft.com/office/drawing/2014/main" id="{810646DF-F7FD-64B3-A907-9A158D1D5B2F}"/>
              </a:ext>
            </a:extLst>
          </p:cNvPr>
          <p:cNvSpPr/>
          <p:nvPr/>
        </p:nvSpPr>
        <p:spPr>
          <a:xfrm>
            <a:off x="6177059"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5" name="Rectangle 74">
            <a:extLst>
              <a:ext uri="{FF2B5EF4-FFF2-40B4-BE49-F238E27FC236}">
                <a16:creationId xmlns:a16="http://schemas.microsoft.com/office/drawing/2014/main" id="{C3E406A5-DA64-1CC5-ACC0-44BFE5E1A8EC}"/>
              </a:ext>
            </a:extLst>
          </p:cNvPr>
          <p:cNvSpPr/>
          <p:nvPr/>
        </p:nvSpPr>
        <p:spPr>
          <a:xfrm>
            <a:off x="8911432"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6" name="Date Placeholder 5">
            <a:extLst>
              <a:ext uri="{FF2B5EF4-FFF2-40B4-BE49-F238E27FC236}">
                <a16:creationId xmlns:a16="http://schemas.microsoft.com/office/drawing/2014/main" id="{588ECAB5-2E16-C646-A68D-772D31D80B90}"/>
              </a:ext>
            </a:extLst>
          </p:cNvPr>
          <p:cNvSpPr>
            <a:spLocks noGrp="1"/>
          </p:cNvSpPr>
          <p:nvPr>
            <p:ph type="dt" sz="half" idx="10"/>
          </p:nvPr>
        </p:nvSpPr>
        <p:spPr/>
        <p:txBody>
          <a:bodyPr/>
          <a:lstStyle/>
          <a:p>
            <a:fld id="{EACFDFB6-8245-AF4D-AF6A-1DFDBD35913D}" type="datetime4">
              <a:rPr lang="en-US"/>
              <a:pPr/>
              <a:t>September 8, 2023</a:t>
            </a:fld>
            <a:endParaRPr lang="en-GB" dirty="0"/>
          </a:p>
        </p:txBody>
      </p:sp>
      <p:sp>
        <p:nvSpPr>
          <p:cNvPr id="8" name="Slide Number Placeholder 7">
            <a:extLst>
              <a:ext uri="{FF2B5EF4-FFF2-40B4-BE49-F238E27FC236}">
                <a16:creationId xmlns:a16="http://schemas.microsoft.com/office/drawing/2014/main" id="{9C8B23DD-53BF-6D4A-BA90-637F444D8991}"/>
              </a:ext>
            </a:extLst>
          </p:cNvPr>
          <p:cNvSpPr>
            <a:spLocks noGrp="1"/>
          </p:cNvSpPr>
          <p:nvPr>
            <p:ph type="sldNum" sz="quarter" idx="11"/>
          </p:nvPr>
        </p:nvSpPr>
        <p:spPr/>
        <p:txBody>
          <a:bodyPr/>
          <a:lstStyle/>
          <a:p>
            <a:fld id="{23AA811B-2EBD-4900-905E-5BE206449611}" type="slidenum">
              <a:rPr lang="en-GB"/>
              <a:pPr/>
              <a:t>7</a:t>
            </a:fld>
            <a:endParaRPr lang="en-GB" dirty="0"/>
          </a:p>
        </p:txBody>
      </p:sp>
      <p:sp>
        <p:nvSpPr>
          <p:cNvPr id="18" name="Text Placeholder 5">
            <a:extLst>
              <a:ext uri="{FF2B5EF4-FFF2-40B4-BE49-F238E27FC236}">
                <a16:creationId xmlns:a16="http://schemas.microsoft.com/office/drawing/2014/main" id="{4C39EF69-2672-7E1F-88E3-7220D47C1314}"/>
              </a:ext>
            </a:extLst>
          </p:cNvPr>
          <p:cNvSpPr txBox="1">
            <a:spLocks/>
          </p:cNvSpPr>
          <p:nvPr/>
        </p:nvSpPr>
        <p:spPr>
          <a:xfrm>
            <a:off x="770188" y="4800484"/>
            <a:ext cx="2418808"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Recognize science as a leading differentiator of what we bring to patients</a:t>
            </a:r>
          </a:p>
        </p:txBody>
      </p:sp>
      <p:sp>
        <p:nvSpPr>
          <p:cNvPr id="20" name="Text Placeholder 5">
            <a:extLst>
              <a:ext uri="{FF2B5EF4-FFF2-40B4-BE49-F238E27FC236}">
                <a16:creationId xmlns:a16="http://schemas.microsoft.com/office/drawing/2014/main" id="{702C2CE2-F2FF-7C31-539C-B94750581D9B}"/>
              </a:ext>
            </a:extLst>
          </p:cNvPr>
          <p:cNvSpPr txBox="1">
            <a:spLocks/>
          </p:cNvSpPr>
          <p:nvPr/>
        </p:nvSpPr>
        <p:spPr>
          <a:xfrm>
            <a:off x="6228842" y="4800484"/>
            <a:ext cx="2498497"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Make Penn Medicine</a:t>
            </a:r>
            <a:br>
              <a:rPr lang="en-US" dirty="0">
                <a:solidFill>
                  <a:schemeClr val="accent1"/>
                </a:solidFill>
                <a:latin typeface="+mj-lt"/>
              </a:rPr>
            </a:br>
            <a:r>
              <a:rPr lang="en-US" dirty="0">
                <a:solidFill>
                  <a:schemeClr val="accent1"/>
                </a:solidFill>
                <a:latin typeface="+mj-lt"/>
              </a:rPr>
              <a:t>a source of comfort, ease, and reassurance</a:t>
            </a:r>
          </a:p>
        </p:txBody>
      </p:sp>
      <p:sp>
        <p:nvSpPr>
          <p:cNvPr id="21" name="Text Placeholder 5">
            <a:extLst>
              <a:ext uri="{FF2B5EF4-FFF2-40B4-BE49-F238E27FC236}">
                <a16:creationId xmlns:a16="http://schemas.microsoft.com/office/drawing/2014/main" id="{53C27F5D-D43F-340F-2BFB-9732CA3BC59A}"/>
              </a:ext>
            </a:extLst>
          </p:cNvPr>
          <p:cNvSpPr txBox="1">
            <a:spLocks/>
          </p:cNvSpPr>
          <p:nvPr/>
        </p:nvSpPr>
        <p:spPr>
          <a:xfrm>
            <a:off x="8911433" y="4800484"/>
            <a:ext cx="2558256"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Embrace</a:t>
            </a:r>
            <a:br>
              <a:rPr lang="en-US" dirty="0">
                <a:solidFill>
                  <a:schemeClr val="accent1"/>
                </a:solidFill>
                <a:latin typeface="+mj-lt"/>
              </a:rPr>
            </a:br>
            <a:r>
              <a:rPr lang="en-US" dirty="0">
                <a:solidFill>
                  <a:schemeClr val="accent1"/>
                </a:solidFill>
                <a:latin typeface="+mj-lt"/>
              </a:rPr>
              <a:t>anytime-anywhere</a:t>
            </a:r>
          </a:p>
        </p:txBody>
      </p:sp>
      <p:sp>
        <p:nvSpPr>
          <p:cNvPr id="5" name="Text Placeholder 5">
            <a:extLst>
              <a:ext uri="{FF2B5EF4-FFF2-40B4-BE49-F238E27FC236}">
                <a16:creationId xmlns:a16="http://schemas.microsoft.com/office/drawing/2014/main" id="{2C3CFED5-792B-CE55-2EE8-A70667C66194}"/>
              </a:ext>
            </a:extLst>
          </p:cNvPr>
          <p:cNvSpPr txBox="1">
            <a:spLocks/>
          </p:cNvSpPr>
          <p:nvPr/>
        </p:nvSpPr>
        <p:spPr>
          <a:xfrm>
            <a:off x="716544" y="3612604"/>
            <a:ext cx="2430825" cy="430509"/>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4"/>
            <a:r>
              <a:rPr lang="en-US" sz="2400" b="0" dirty="0">
                <a:solidFill>
                  <a:srgbClr val="2B823F"/>
                </a:solidFill>
                <a:latin typeface="+mj-lt"/>
              </a:rPr>
              <a:t>Goals</a:t>
            </a:r>
          </a:p>
        </p:txBody>
      </p:sp>
      <p:sp>
        <p:nvSpPr>
          <p:cNvPr id="7" name="Rectangle 6">
            <a:extLst>
              <a:ext uri="{FF2B5EF4-FFF2-40B4-BE49-F238E27FC236}">
                <a16:creationId xmlns:a16="http://schemas.microsoft.com/office/drawing/2014/main" id="{DB57C49D-AF1B-8120-B5BD-2B9588190E29}"/>
              </a:ext>
            </a:extLst>
          </p:cNvPr>
          <p:cNvSpPr/>
          <p:nvPr/>
        </p:nvSpPr>
        <p:spPr>
          <a:xfrm>
            <a:off x="0" y="3915291"/>
            <a:ext cx="12192000" cy="45719"/>
          </a:xfrm>
          <a:prstGeom prst="rect">
            <a:avLst/>
          </a:prstGeom>
          <a:gradFill flip="none" rotWithShape="1">
            <a:gsLst>
              <a:gs pos="0">
                <a:schemeClr val="accent1"/>
              </a:gs>
              <a:gs pos="50000">
                <a:schemeClr val="accent3"/>
              </a:gs>
              <a:gs pos="99000">
                <a:schemeClr val="accent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nvGrpSpPr>
          <p:cNvPr id="10" name="Group 9">
            <a:extLst>
              <a:ext uri="{FF2B5EF4-FFF2-40B4-BE49-F238E27FC236}">
                <a16:creationId xmlns:a16="http://schemas.microsoft.com/office/drawing/2014/main" id="{3CF459E8-D538-9D63-D9F9-1380746D31A5}"/>
              </a:ext>
            </a:extLst>
          </p:cNvPr>
          <p:cNvGrpSpPr/>
          <p:nvPr/>
        </p:nvGrpSpPr>
        <p:grpSpPr>
          <a:xfrm>
            <a:off x="2438064" y="3429000"/>
            <a:ext cx="696913" cy="1036813"/>
            <a:chOff x="2485305" y="3727610"/>
            <a:chExt cx="696913" cy="1036813"/>
          </a:xfrm>
        </p:grpSpPr>
        <p:sp>
          <p:nvSpPr>
            <p:cNvPr id="9" name="Content Placeholder 11">
              <a:extLst>
                <a:ext uri="{FF2B5EF4-FFF2-40B4-BE49-F238E27FC236}">
                  <a16:creationId xmlns:a16="http://schemas.microsoft.com/office/drawing/2014/main" id="{5D3FCD77-40E4-DD89-9F3D-2D5BC0DF8A7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3" name="Content Placeholder 11">
              <a:extLst>
                <a:ext uri="{FF2B5EF4-FFF2-40B4-BE49-F238E27FC236}">
                  <a16:creationId xmlns:a16="http://schemas.microsoft.com/office/drawing/2014/main" id="{84822184-D038-D904-4F20-3356128645E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C6583F"/>
            </a:solidFill>
            <a:ln w="5963" cap="flat">
              <a:noFill/>
              <a:prstDash val="solid"/>
              <a:miter/>
            </a:ln>
          </p:spPr>
          <p:txBody>
            <a:bodyPr rtlCol="0" anchor="ctr"/>
            <a:lstStyle/>
            <a:p>
              <a:endParaRPr lang="en-US" dirty="0"/>
            </a:p>
          </p:txBody>
        </p:sp>
      </p:grpSp>
      <p:grpSp>
        <p:nvGrpSpPr>
          <p:cNvPr id="11" name="Group 10">
            <a:extLst>
              <a:ext uri="{FF2B5EF4-FFF2-40B4-BE49-F238E27FC236}">
                <a16:creationId xmlns:a16="http://schemas.microsoft.com/office/drawing/2014/main" id="{CEB0665A-DD12-CB8F-1407-354C59814E91}"/>
              </a:ext>
            </a:extLst>
          </p:cNvPr>
          <p:cNvGrpSpPr/>
          <p:nvPr/>
        </p:nvGrpSpPr>
        <p:grpSpPr>
          <a:xfrm>
            <a:off x="7964644" y="3429000"/>
            <a:ext cx="696913" cy="1036813"/>
            <a:chOff x="2485305" y="3727610"/>
            <a:chExt cx="696913" cy="1036813"/>
          </a:xfrm>
        </p:grpSpPr>
        <p:sp>
          <p:nvSpPr>
            <p:cNvPr id="12" name="Content Placeholder 11">
              <a:extLst>
                <a:ext uri="{FF2B5EF4-FFF2-40B4-BE49-F238E27FC236}">
                  <a16:creationId xmlns:a16="http://schemas.microsoft.com/office/drawing/2014/main" id="{E4E240AB-8E76-9866-7A9C-C82203393B62}"/>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13" name="Content Placeholder 11">
              <a:extLst>
                <a:ext uri="{FF2B5EF4-FFF2-40B4-BE49-F238E27FC236}">
                  <a16:creationId xmlns:a16="http://schemas.microsoft.com/office/drawing/2014/main" id="{D59F2E9B-206B-F39C-44A7-7B3C7989C3F0}"/>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C6583F"/>
            </a:solidFill>
            <a:ln w="5963" cap="flat">
              <a:noFill/>
              <a:prstDash val="solid"/>
              <a:miter/>
            </a:ln>
          </p:spPr>
          <p:txBody>
            <a:bodyPr rtlCol="0" anchor="ctr"/>
            <a:lstStyle/>
            <a:p>
              <a:endParaRPr lang="en-US" dirty="0"/>
            </a:p>
          </p:txBody>
        </p:sp>
      </p:grpSp>
      <p:sp>
        <p:nvSpPr>
          <p:cNvPr id="37" name="Text Placeholder 5">
            <a:extLst>
              <a:ext uri="{FF2B5EF4-FFF2-40B4-BE49-F238E27FC236}">
                <a16:creationId xmlns:a16="http://schemas.microsoft.com/office/drawing/2014/main" id="{579366DF-3C81-8DFA-2088-649B638138FA}"/>
              </a:ext>
            </a:extLst>
          </p:cNvPr>
          <p:cNvSpPr txBox="1">
            <a:spLocks/>
          </p:cNvSpPr>
          <p:nvPr/>
        </p:nvSpPr>
        <p:spPr>
          <a:xfrm>
            <a:off x="2594830"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1</a:t>
            </a:r>
          </a:p>
        </p:txBody>
      </p:sp>
      <p:sp>
        <p:nvSpPr>
          <p:cNvPr id="23" name="Text Placeholder 5">
            <a:extLst>
              <a:ext uri="{FF2B5EF4-FFF2-40B4-BE49-F238E27FC236}">
                <a16:creationId xmlns:a16="http://schemas.microsoft.com/office/drawing/2014/main" id="{CCE16350-119B-12FF-F067-068705652027}"/>
              </a:ext>
            </a:extLst>
          </p:cNvPr>
          <p:cNvSpPr txBox="1">
            <a:spLocks/>
          </p:cNvSpPr>
          <p:nvPr/>
        </p:nvSpPr>
        <p:spPr>
          <a:xfrm>
            <a:off x="728660" y="2198488"/>
            <a:ext cx="5546727" cy="937889"/>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r>
              <a:rPr lang="en-US" dirty="0">
                <a:solidFill>
                  <a:schemeClr val="accent2"/>
                </a:solidFill>
                <a:latin typeface="+mj-lt"/>
              </a:rPr>
              <a:t>Patient Care must be easy on patients and easy on clinicians. Placing care within reach means making it accessible and affordable, offering accommodation and reassurance. We will adapt delivery systems to the needs of patients and clinicians.</a:t>
            </a:r>
          </a:p>
        </p:txBody>
      </p:sp>
      <p:grpSp>
        <p:nvGrpSpPr>
          <p:cNvPr id="43" name="Group 42">
            <a:extLst>
              <a:ext uri="{FF2B5EF4-FFF2-40B4-BE49-F238E27FC236}">
                <a16:creationId xmlns:a16="http://schemas.microsoft.com/office/drawing/2014/main" id="{53B8286C-9856-A6B2-B778-1162A282E8DA}"/>
              </a:ext>
            </a:extLst>
          </p:cNvPr>
          <p:cNvGrpSpPr/>
          <p:nvPr/>
        </p:nvGrpSpPr>
        <p:grpSpPr>
          <a:xfrm rot="1067977">
            <a:off x="7419259" y="450234"/>
            <a:ext cx="1236569" cy="1839671"/>
            <a:chOff x="2485305" y="3727610"/>
            <a:chExt cx="696913" cy="1036813"/>
          </a:xfrm>
        </p:grpSpPr>
        <p:sp>
          <p:nvSpPr>
            <p:cNvPr id="44" name="Content Placeholder 11">
              <a:extLst>
                <a:ext uri="{FF2B5EF4-FFF2-40B4-BE49-F238E27FC236}">
                  <a16:creationId xmlns:a16="http://schemas.microsoft.com/office/drawing/2014/main" id="{4C98C310-8624-F29D-1469-56E64C7779B4}"/>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45" name="Content Placeholder 11">
              <a:extLst>
                <a:ext uri="{FF2B5EF4-FFF2-40B4-BE49-F238E27FC236}">
                  <a16:creationId xmlns:a16="http://schemas.microsoft.com/office/drawing/2014/main" id="{0EB1BF54-B0F7-A7FB-3C8F-2D8215A9EDB5}"/>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C6583F"/>
            </a:solidFill>
            <a:ln w="5963" cap="flat">
              <a:noFill/>
              <a:prstDash val="solid"/>
              <a:miter/>
            </a:ln>
          </p:spPr>
          <p:txBody>
            <a:bodyPr rtlCol="0" anchor="ctr"/>
            <a:lstStyle/>
            <a:p>
              <a:endParaRPr lang="en-US" dirty="0"/>
            </a:p>
          </p:txBody>
        </p:sp>
      </p:grpSp>
      <p:grpSp>
        <p:nvGrpSpPr>
          <p:cNvPr id="47" name="Group 46">
            <a:extLst>
              <a:ext uri="{FF2B5EF4-FFF2-40B4-BE49-F238E27FC236}">
                <a16:creationId xmlns:a16="http://schemas.microsoft.com/office/drawing/2014/main" id="{8B98CB27-1371-969F-B33D-0D119BC54A78}"/>
              </a:ext>
            </a:extLst>
          </p:cNvPr>
          <p:cNvGrpSpPr/>
          <p:nvPr/>
        </p:nvGrpSpPr>
        <p:grpSpPr>
          <a:xfrm>
            <a:off x="5201354" y="3429000"/>
            <a:ext cx="696913" cy="1036813"/>
            <a:chOff x="2485305" y="3727610"/>
            <a:chExt cx="696913" cy="1036813"/>
          </a:xfrm>
        </p:grpSpPr>
        <p:sp>
          <p:nvSpPr>
            <p:cNvPr id="48" name="Content Placeholder 11">
              <a:extLst>
                <a:ext uri="{FF2B5EF4-FFF2-40B4-BE49-F238E27FC236}">
                  <a16:creationId xmlns:a16="http://schemas.microsoft.com/office/drawing/2014/main" id="{61E9E7D7-D337-384B-A26F-8627CE5AC5AD}"/>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50" name="Content Placeholder 11">
              <a:extLst>
                <a:ext uri="{FF2B5EF4-FFF2-40B4-BE49-F238E27FC236}">
                  <a16:creationId xmlns:a16="http://schemas.microsoft.com/office/drawing/2014/main" id="{66243E69-FF46-8584-1A86-0C25DAF8F81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C6583F"/>
            </a:solidFill>
            <a:ln w="5963" cap="flat">
              <a:noFill/>
              <a:prstDash val="solid"/>
              <a:miter/>
            </a:ln>
          </p:spPr>
          <p:txBody>
            <a:bodyPr rtlCol="0" anchor="ctr"/>
            <a:lstStyle/>
            <a:p>
              <a:endParaRPr lang="en-US"/>
            </a:p>
          </p:txBody>
        </p:sp>
      </p:grpSp>
      <p:grpSp>
        <p:nvGrpSpPr>
          <p:cNvPr id="54" name="Group 53">
            <a:extLst>
              <a:ext uri="{FF2B5EF4-FFF2-40B4-BE49-F238E27FC236}">
                <a16:creationId xmlns:a16="http://schemas.microsoft.com/office/drawing/2014/main" id="{DD9D2B3C-6BAA-AC32-A908-09BAF2754DF3}"/>
              </a:ext>
            </a:extLst>
          </p:cNvPr>
          <p:cNvGrpSpPr/>
          <p:nvPr/>
        </p:nvGrpSpPr>
        <p:grpSpPr>
          <a:xfrm>
            <a:off x="10727934" y="3429000"/>
            <a:ext cx="696913" cy="1036813"/>
            <a:chOff x="2485305" y="3727610"/>
            <a:chExt cx="696913" cy="1036813"/>
          </a:xfrm>
        </p:grpSpPr>
        <p:sp>
          <p:nvSpPr>
            <p:cNvPr id="57" name="Content Placeholder 11">
              <a:extLst>
                <a:ext uri="{FF2B5EF4-FFF2-40B4-BE49-F238E27FC236}">
                  <a16:creationId xmlns:a16="http://schemas.microsoft.com/office/drawing/2014/main" id="{56132545-6F55-5D81-7761-B1DDE4F45F40}"/>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59" name="Content Placeholder 11">
              <a:extLst>
                <a:ext uri="{FF2B5EF4-FFF2-40B4-BE49-F238E27FC236}">
                  <a16:creationId xmlns:a16="http://schemas.microsoft.com/office/drawing/2014/main" id="{802E6817-ACC5-3B7F-069B-950F0FE1B1D4}"/>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C6583F"/>
            </a:solidFill>
            <a:ln w="5963" cap="flat">
              <a:noFill/>
              <a:prstDash val="solid"/>
              <a:miter/>
            </a:ln>
          </p:spPr>
          <p:txBody>
            <a:bodyPr rtlCol="0" anchor="ctr"/>
            <a:lstStyle/>
            <a:p>
              <a:endParaRPr lang="en-US"/>
            </a:p>
          </p:txBody>
        </p:sp>
      </p:grpSp>
      <p:sp>
        <p:nvSpPr>
          <p:cNvPr id="38" name="Text Placeholder 5">
            <a:extLst>
              <a:ext uri="{FF2B5EF4-FFF2-40B4-BE49-F238E27FC236}">
                <a16:creationId xmlns:a16="http://schemas.microsoft.com/office/drawing/2014/main" id="{C01C3626-3D7B-9B0A-8262-58DB0AF5F811}"/>
              </a:ext>
            </a:extLst>
          </p:cNvPr>
          <p:cNvSpPr txBox="1">
            <a:spLocks/>
          </p:cNvSpPr>
          <p:nvPr/>
        </p:nvSpPr>
        <p:spPr>
          <a:xfrm>
            <a:off x="5355837"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2</a:t>
            </a:r>
          </a:p>
        </p:txBody>
      </p:sp>
      <p:sp>
        <p:nvSpPr>
          <p:cNvPr id="39" name="Text Placeholder 5">
            <a:extLst>
              <a:ext uri="{FF2B5EF4-FFF2-40B4-BE49-F238E27FC236}">
                <a16:creationId xmlns:a16="http://schemas.microsoft.com/office/drawing/2014/main" id="{BA471C7D-76CD-B897-BA0B-86AEA3E10383}"/>
              </a:ext>
            </a:extLst>
          </p:cNvPr>
          <p:cNvSpPr txBox="1">
            <a:spLocks/>
          </p:cNvSpPr>
          <p:nvPr/>
        </p:nvSpPr>
        <p:spPr>
          <a:xfrm>
            <a:off x="8130372"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3</a:t>
            </a:r>
          </a:p>
        </p:txBody>
      </p:sp>
      <p:sp>
        <p:nvSpPr>
          <p:cNvPr id="40" name="Text Placeholder 5">
            <a:extLst>
              <a:ext uri="{FF2B5EF4-FFF2-40B4-BE49-F238E27FC236}">
                <a16:creationId xmlns:a16="http://schemas.microsoft.com/office/drawing/2014/main" id="{133381A5-3342-36F0-A0C3-5BC98B1403F9}"/>
              </a:ext>
            </a:extLst>
          </p:cNvPr>
          <p:cNvSpPr txBox="1">
            <a:spLocks/>
          </p:cNvSpPr>
          <p:nvPr/>
        </p:nvSpPr>
        <p:spPr>
          <a:xfrm>
            <a:off x="10881240"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4</a:t>
            </a:r>
          </a:p>
        </p:txBody>
      </p:sp>
      <p:pic>
        <p:nvPicPr>
          <p:cNvPr id="14" name="Picture 13" descr="A black background with red text&#10;&#10;Description automatically generated">
            <a:extLst>
              <a:ext uri="{FF2B5EF4-FFF2-40B4-BE49-F238E27FC236}">
                <a16:creationId xmlns:a16="http://schemas.microsoft.com/office/drawing/2014/main" id="{BFC26468-78FF-3C3D-1E24-804F18127746}"/>
              </a:ext>
            </a:extLst>
          </p:cNvPr>
          <p:cNvPicPr>
            <a:picLocks noChangeAspect="1"/>
          </p:cNvPicPr>
          <p:nvPr/>
        </p:nvPicPr>
        <p:blipFill rotWithShape="1">
          <a:blip r:embed="rId6">
            <a:extLst>
              <a:ext uri="{28A0092B-C50C-407E-A947-70E740481C1C}">
                <a14:useLocalDpi xmlns:a14="http://schemas.microsoft.com/office/drawing/2010/main"/>
              </a:ext>
            </a:extLst>
          </a:blip>
          <a:srcRect/>
          <a:stretch/>
        </p:blipFill>
        <p:spPr>
          <a:xfrm>
            <a:off x="657600" y="719138"/>
            <a:ext cx="6058812" cy="1233714"/>
          </a:xfrm>
          <a:prstGeom prst="rect">
            <a:avLst/>
          </a:prstGeom>
        </p:spPr>
      </p:pic>
      <p:sp>
        <p:nvSpPr>
          <p:cNvPr id="42" name="Text Placeholder 5">
            <a:extLst>
              <a:ext uri="{FF2B5EF4-FFF2-40B4-BE49-F238E27FC236}">
                <a16:creationId xmlns:a16="http://schemas.microsoft.com/office/drawing/2014/main" id="{32B023FF-FDBA-292C-788E-EE40A3846281}"/>
              </a:ext>
            </a:extLst>
          </p:cNvPr>
          <p:cNvSpPr txBox="1">
            <a:spLocks/>
          </p:cNvSpPr>
          <p:nvPr/>
        </p:nvSpPr>
        <p:spPr>
          <a:xfrm>
            <a:off x="3541256" y="4800484"/>
            <a:ext cx="2357011"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Be, and be seen as, the most clinician-friendly health system</a:t>
            </a:r>
          </a:p>
        </p:txBody>
      </p:sp>
      <p:grpSp>
        <p:nvGrpSpPr>
          <p:cNvPr id="2" name="Group 1">
            <a:extLst>
              <a:ext uri="{FF2B5EF4-FFF2-40B4-BE49-F238E27FC236}">
                <a16:creationId xmlns:a16="http://schemas.microsoft.com/office/drawing/2014/main" id="{2E0BE907-17D7-2657-E34D-6BC7DDCF15F0}"/>
              </a:ext>
            </a:extLst>
          </p:cNvPr>
          <p:cNvGrpSpPr/>
          <p:nvPr/>
        </p:nvGrpSpPr>
        <p:grpSpPr>
          <a:xfrm flipH="1">
            <a:off x="8299173" y="4896322"/>
            <a:ext cx="3926064" cy="1975966"/>
            <a:chOff x="0" y="4896322"/>
            <a:chExt cx="3926064" cy="1975966"/>
          </a:xfrm>
        </p:grpSpPr>
        <p:sp>
          <p:nvSpPr>
            <p:cNvPr id="4" name="Rectangle 48">
              <a:extLst>
                <a:ext uri="{FF2B5EF4-FFF2-40B4-BE49-F238E27FC236}">
                  <a16:creationId xmlns:a16="http://schemas.microsoft.com/office/drawing/2014/main" id="{979709CE-1ACF-A6F6-5F20-6401FACBF005}"/>
                </a:ext>
              </a:extLst>
            </p:cNvPr>
            <p:cNvSpPr/>
            <p:nvPr/>
          </p:nvSpPr>
          <p:spPr>
            <a:xfrm>
              <a:off x="0" y="4896322"/>
              <a:ext cx="3926064" cy="1975966"/>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Lst>
              <a:ahLst/>
              <a:cxnLst>
                <a:cxn ang="0">
                  <a:pos x="connsiteX0" y="connsiteY0"/>
                </a:cxn>
                <a:cxn ang="0">
                  <a:pos x="connsiteX1" y="connsiteY1"/>
                </a:cxn>
                <a:cxn ang="0">
                  <a:pos x="connsiteX2" y="connsiteY2"/>
                </a:cxn>
                <a:cxn ang="0">
                  <a:pos x="connsiteX3" y="connsiteY3"/>
                </a:cxn>
              </a:cxnLst>
              <a:rect l="l" t="t" r="r" b="b"/>
              <a:pathLst>
                <a:path w="4575363" h="2886342">
                  <a:moveTo>
                    <a:pt x="0" y="0"/>
                  </a:moveTo>
                  <a:cubicBezTo>
                    <a:pt x="749422" y="1127588"/>
                    <a:pt x="1251023" y="1711434"/>
                    <a:pt x="4575363" y="2886342"/>
                  </a:cubicBezTo>
                  <a:lnTo>
                    <a:pt x="0" y="2868414"/>
                  </a:lnTo>
                  <a:lnTo>
                    <a:pt x="0" y="0"/>
                  </a:lnTo>
                  <a:close/>
                </a:path>
              </a:pathLst>
            </a:custGeom>
            <a:gradFill flip="none" rotWithShape="1">
              <a:gsLst>
                <a:gs pos="0">
                  <a:schemeClr val="accent5"/>
                </a:gs>
                <a:gs pos="100000">
                  <a:schemeClr val="bg1"/>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15" name="Rectangle 48">
              <a:extLst>
                <a:ext uri="{FF2B5EF4-FFF2-40B4-BE49-F238E27FC236}">
                  <a16:creationId xmlns:a16="http://schemas.microsoft.com/office/drawing/2014/main" id="{DF102E7C-CD41-3E93-F49D-5327BB6C0CD0}"/>
                </a:ext>
              </a:extLst>
            </p:cNvPr>
            <p:cNvSpPr/>
            <p:nvPr/>
          </p:nvSpPr>
          <p:spPr>
            <a:xfrm>
              <a:off x="0" y="5047641"/>
              <a:ext cx="3202696" cy="1810358"/>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Lst>
              <a:ahLst/>
              <a:cxnLst>
                <a:cxn ang="0">
                  <a:pos x="connsiteX0" y="connsiteY0"/>
                </a:cxn>
                <a:cxn ang="0">
                  <a:pos x="connsiteX1" y="connsiteY1"/>
                </a:cxn>
                <a:cxn ang="0">
                  <a:pos x="connsiteX2" y="connsiteY2"/>
                </a:cxn>
                <a:cxn ang="0">
                  <a:pos x="connsiteX3" y="connsiteY3"/>
                </a:cxn>
              </a:cxnLst>
              <a:rect l="l" t="t" r="r" b="b"/>
              <a:pathLst>
                <a:path w="4048488" h="2868414">
                  <a:moveTo>
                    <a:pt x="0" y="0"/>
                  </a:moveTo>
                  <a:cubicBezTo>
                    <a:pt x="749422" y="1127588"/>
                    <a:pt x="1698866" y="1926564"/>
                    <a:pt x="4048488" y="2868414"/>
                  </a:cubicBezTo>
                  <a:lnTo>
                    <a:pt x="0" y="2868414"/>
                  </a:lnTo>
                  <a:lnTo>
                    <a:pt x="0" y="0"/>
                  </a:lnTo>
                  <a:close/>
                </a:path>
              </a:pathLst>
            </a:custGeom>
            <a:solidFill>
              <a:schemeClr val="accent1"/>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spTree>
    <p:custDataLst>
      <p:custData r:id="rId1"/>
      <p:custData r:id="rId2"/>
    </p:custDataLst>
    <p:extLst>
      <p:ext uri="{BB962C8B-B14F-4D97-AF65-F5344CB8AC3E}">
        <p14:creationId xmlns:p14="http://schemas.microsoft.com/office/powerpoint/2010/main" val="101645040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66" name="Group 65">
            <a:extLst>
              <a:ext uri="{FF2B5EF4-FFF2-40B4-BE49-F238E27FC236}">
                <a16:creationId xmlns:a16="http://schemas.microsoft.com/office/drawing/2014/main" id="{9E81C2DC-2529-BB9F-5020-73E6540FDBC5}"/>
              </a:ext>
            </a:extLst>
          </p:cNvPr>
          <p:cNvGrpSpPr/>
          <p:nvPr/>
        </p:nvGrpSpPr>
        <p:grpSpPr>
          <a:xfrm>
            <a:off x="6840537" y="-20093"/>
            <a:ext cx="5368300" cy="3943867"/>
            <a:chOff x="6893531" y="0"/>
            <a:chExt cx="5368300" cy="3943867"/>
          </a:xfrm>
        </p:grpSpPr>
        <p:pic>
          <p:nvPicPr>
            <p:cNvPr id="64" name="Picture 63">
              <a:extLst>
                <a:ext uri="{FF2B5EF4-FFF2-40B4-BE49-F238E27FC236}">
                  <a16:creationId xmlns:a16="http://schemas.microsoft.com/office/drawing/2014/main" id="{89467148-945F-B807-B1C4-57653CD30C43}"/>
                </a:ext>
              </a:extLst>
            </p:cNvPr>
            <p:cNvPicPr>
              <a:picLocks noChangeAspect="1"/>
            </p:cNvPicPr>
            <p:nvPr/>
          </p:nvPicPr>
          <p:blipFill rotWithShape="1">
            <a:blip r:embed="rId5">
              <a:alphaModFix amt="35000"/>
              <a:extLst>
                <a:ext uri="{28A0092B-C50C-407E-A947-70E740481C1C}">
                  <a14:useLocalDpi xmlns:a14="http://schemas.microsoft.com/office/drawing/2010/main"/>
                </a:ext>
              </a:extLst>
            </a:blip>
            <a:srcRect/>
            <a:stretch/>
          </p:blipFill>
          <p:spPr>
            <a:xfrm flipH="1">
              <a:off x="6893531" y="0"/>
              <a:ext cx="5368300" cy="3943867"/>
            </a:xfrm>
            <a:prstGeom prst="rect">
              <a:avLst/>
            </a:prstGeom>
            <a:gradFill>
              <a:gsLst>
                <a:gs pos="100000">
                  <a:schemeClr val="bg1">
                    <a:alpha val="0"/>
                  </a:schemeClr>
                </a:gs>
                <a:gs pos="11000">
                  <a:srgbClr val="9EC3E1"/>
                </a:gs>
              </a:gsLst>
              <a:lin ang="2700000" scaled="1"/>
            </a:gradFill>
            <a:effectLst>
              <a:softEdge rad="0"/>
            </a:effectLst>
          </p:spPr>
        </p:pic>
        <p:sp>
          <p:nvSpPr>
            <p:cNvPr id="65" name="Rectangle 64">
              <a:extLst>
                <a:ext uri="{FF2B5EF4-FFF2-40B4-BE49-F238E27FC236}">
                  <a16:creationId xmlns:a16="http://schemas.microsoft.com/office/drawing/2014/main" id="{85D41CB0-2D06-E99D-D7E5-D77281F97946}"/>
                </a:ext>
              </a:extLst>
            </p:cNvPr>
            <p:cNvSpPr/>
            <p:nvPr/>
          </p:nvSpPr>
          <p:spPr>
            <a:xfrm>
              <a:off x="6893531" y="0"/>
              <a:ext cx="3879039" cy="3943867"/>
            </a:xfrm>
            <a:prstGeom prst="rect">
              <a:avLst/>
            </a:prstGeom>
            <a:gradFill flip="none" rotWithShape="1">
              <a:gsLst>
                <a:gs pos="0">
                  <a:schemeClr val="bg1">
                    <a:alpha val="0"/>
                  </a:schemeClr>
                </a:gs>
                <a:gs pos="100000">
                  <a:schemeClr val="bg1"/>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grpSp>
        <p:nvGrpSpPr>
          <p:cNvPr id="63" name="Group 62">
            <a:extLst>
              <a:ext uri="{FF2B5EF4-FFF2-40B4-BE49-F238E27FC236}">
                <a16:creationId xmlns:a16="http://schemas.microsoft.com/office/drawing/2014/main" id="{BF7148E0-E998-DC5A-320F-6DE0366F7E9C}"/>
              </a:ext>
            </a:extLst>
          </p:cNvPr>
          <p:cNvGrpSpPr/>
          <p:nvPr/>
        </p:nvGrpSpPr>
        <p:grpSpPr>
          <a:xfrm>
            <a:off x="1327884" y="-5173676"/>
            <a:ext cx="14502726" cy="10993561"/>
            <a:chOff x="1327884" y="-5173676"/>
            <a:chExt cx="14502726" cy="10993561"/>
          </a:xfrm>
        </p:grpSpPr>
        <p:sp>
          <p:nvSpPr>
            <p:cNvPr id="60" name="Freeform 59">
              <a:extLst>
                <a:ext uri="{FF2B5EF4-FFF2-40B4-BE49-F238E27FC236}">
                  <a16:creationId xmlns:a16="http://schemas.microsoft.com/office/drawing/2014/main" id="{E37D7F30-F8D9-A77B-4469-1F3ED8A660A9}"/>
                </a:ext>
              </a:extLst>
            </p:cNvPr>
            <p:cNvSpPr/>
            <p:nvPr/>
          </p:nvSpPr>
          <p:spPr>
            <a:xfrm>
              <a:off x="9017080" y="-5173676"/>
              <a:ext cx="6813530" cy="10036311"/>
            </a:xfrm>
            <a:custGeom>
              <a:avLst/>
              <a:gdLst>
                <a:gd name="connsiteX0" fmla="*/ 66452 w 6813530"/>
                <a:gd name="connsiteY0" fmla="*/ 0 h 10036311"/>
                <a:gd name="connsiteX1" fmla="*/ 6667581 w 6813530"/>
                <a:gd name="connsiteY1" fmla="*/ 10036311 h 10036311"/>
                <a:gd name="connsiteX2" fmla="*/ 6665203 w 6813530"/>
                <a:gd name="connsiteY2" fmla="*/ 9946882 h 10036311"/>
                <a:gd name="connsiteX3" fmla="*/ 350301 w 6813530"/>
                <a:gd name="connsiteY3" fmla="*/ 636476 h 10036311"/>
                <a:gd name="connsiteX4" fmla="*/ 66610 w 6813530"/>
                <a:gd name="connsiteY4" fmla="*/ 159 h 10036311"/>
                <a:gd name="connsiteX5" fmla="*/ 66610 w 6813530"/>
                <a:gd name="connsiteY5" fmla="*/ 159 h 100363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813530" h="10036311">
                  <a:moveTo>
                    <a:pt x="66452" y="0"/>
                  </a:moveTo>
                  <a:cubicBezTo>
                    <a:pt x="-442925" y="4728856"/>
                    <a:pt x="1996978" y="8752418"/>
                    <a:pt x="6667581" y="10036311"/>
                  </a:cubicBezTo>
                  <a:cubicBezTo>
                    <a:pt x="6667581" y="10036311"/>
                    <a:pt x="6997549" y="10032030"/>
                    <a:pt x="6665203" y="9946882"/>
                  </a:cubicBezTo>
                  <a:cubicBezTo>
                    <a:pt x="3976476" y="9259823"/>
                    <a:pt x="-361779" y="6379666"/>
                    <a:pt x="350301" y="636476"/>
                  </a:cubicBezTo>
                  <a:cubicBezTo>
                    <a:pt x="350301" y="636476"/>
                    <a:pt x="66610" y="159"/>
                    <a:pt x="66610" y="159"/>
                  </a:cubicBezTo>
                  <a:lnTo>
                    <a:pt x="66610" y="159"/>
                  </a:lnTo>
                  <a:close/>
                </a:path>
              </a:pathLst>
            </a:custGeom>
            <a:gradFill>
              <a:gsLst>
                <a:gs pos="0">
                  <a:schemeClr val="accent4"/>
                </a:gs>
                <a:gs pos="100000">
                  <a:schemeClr val="bg1"/>
                </a:gs>
              </a:gsLst>
              <a:lin ang="10800000" scaled="1"/>
            </a:gradFill>
            <a:ln w="15842" cap="flat">
              <a:noFill/>
              <a:prstDash val="solid"/>
              <a:miter/>
            </a:ln>
          </p:spPr>
          <p:txBody>
            <a:bodyPr rtlCol="0" anchor="ctr"/>
            <a:lstStyle/>
            <a:p>
              <a:endParaRPr lang="en-US"/>
            </a:p>
          </p:txBody>
        </p:sp>
        <p:sp>
          <p:nvSpPr>
            <p:cNvPr id="61" name="Freeform 60">
              <a:extLst>
                <a:ext uri="{FF2B5EF4-FFF2-40B4-BE49-F238E27FC236}">
                  <a16:creationId xmlns:a16="http://schemas.microsoft.com/office/drawing/2014/main" id="{D493D9C8-6C9D-D0DF-DC6D-86727E99EC72}"/>
                </a:ext>
              </a:extLst>
            </p:cNvPr>
            <p:cNvSpPr/>
            <p:nvPr/>
          </p:nvSpPr>
          <p:spPr>
            <a:xfrm>
              <a:off x="1327884" y="1466503"/>
              <a:ext cx="10123755" cy="4353382"/>
            </a:xfrm>
            <a:custGeom>
              <a:avLst/>
              <a:gdLst>
                <a:gd name="connsiteX0" fmla="*/ 10123755 w 10123755"/>
                <a:gd name="connsiteY0" fmla="*/ 4353383 h 4353382"/>
                <a:gd name="connsiteX1" fmla="*/ 91866 w 10123755"/>
                <a:gd name="connsiteY1" fmla="*/ 570203 h 4353382"/>
                <a:gd name="connsiteX2" fmla="*/ 140363 w 10123755"/>
                <a:gd name="connsiteY2" fmla="*/ 633311 h 4353382"/>
                <a:gd name="connsiteX3" fmla="*/ 9585218 w 10123755"/>
                <a:gd name="connsiteY3" fmla="*/ 4042756 h 4353382"/>
                <a:gd name="connsiteX4" fmla="*/ 10123755 w 10123755"/>
                <a:gd name="connsiteY4" fmla="*/ 4353383 h 4353382"/>
                <a:gd name="connsiteX5" fmla="*/ 10123755 w 10123755"/>
                <a:gd name="connsiteY5" fmla="*/ 4353383 h 43533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123755" h="4353382">
                  <a:moveTo>
                    <a:pt x="10123755" y="4353383"/>
                  </a:moveTo>
                  <a:cubicBezTo>
                    <a:pt x="8011287" y="670415"/>
                    <a:pt x="4138664" y="-954707"/>
                    <a:pt x="91866" y="570203"/>
                  </a:cubicBezTo>
                  <a:cubicBezTo>
                    <a:pt x="91866" y="570203"/>
                    <a:pt x="-144121" y="746526"/>
                    <a:pt x="140363" y="633311"/>
                  </a:cubicBezTo>
                  <a:cubicBezTo>
                    <a:pt x="2442857" y="-282079"/>
                    <a:pt x="7086992" y="-479174"/>
                    <a:pt x="9585218" y="4042756"/>
                  </a:cubicBezTo>
                  <a:cubicBezTo>
                    <a:pt x="9585218" y="4042756"/>
                    <a:pt x="10123755" y="4353383"/>
                    <a:pt x="10123755" y="4353383"/>
                  </a:cubicBezTo>
                  <a:lnTo>
                    <a:pt x="10123755" y="4353383"/>
                  </a:lnTo>
                  <a:close/>
                </a:path>
              </a:pathLst>
            </a:custGeom>
            <a:gradFill flip="none" rotWithShape="1">
              <a:gsLst>
                <a:gs pos="0">
                  <a:schemeClr val="accent1"/>
                </a:gs>
                <a:gs pos="57000">
                  <a:schemeClr val="bg1"/>
                </a:gs>
              </a:gsLst>
              <a:lin ang="10800000" scaled="1"/>
              <a:tileRect/>
            </a:gradFill>
            <a:ln w="15842" cap="flat">
              <a:noFill/>
              <a:prstDash val="solid"/>
              <a:miter/>
            </a:ln>
          </p:spPr>
          <p:txBody>
            <a:bodyPr rtlCol="0" anchor="ctr"/>
            <a:lstStyle/>
            <a:p>
              <a:endParaRPr lang="en-US"/>
            </a:p>
          </p:txBody>
        </p:sp>
        <p:sp>
          <p:nvSpPr>
            <p:cNvPr id="62" name="Freeform 61">
              <a:extLst>
                <a:ext uri="{FF2B5EF4-FFF2-40B4-BE49-F238E27FC236}">
                  <a16:creationId xmlns:a16="http://schemas.microsoft.com/office/drawing/2014/main" id="{9BFA8538-D91D-774B-EC65-6A8981396357}"/>
                </a:ext>
              </a:extLst>
            </p:cNvPr>
            <p:cNvSpPr/>
            <p:nvPr/>
          </p:nvSpPr>
          <p:spPr>
            <a:xfrm>
              <a:off x="7609130" y="1910391"/>
              <a:ext cx="750909" cy="312726"/>
            </a:xfrm>
            <a:custGeom>
              <a:avLst/>
              <a:gdLst>
                <a:gd name="connsiteX0" fmla="*/ 750910 w 750909"/>
                <a:gd name="connsiteY0" fmla="*/ 227479 h 312726"/>
                <a:gd name="connsiteX1" fmla="*/ 0 w 750909"/>
                <a:gd name="connsiteY1" fmla="*/ 82869 h 312726"/>
                <a:gd name="connsiteX2" fmla="*/ 750910 w 750909"/>
                <a:gd name="connsiteY2" fmla="*/ 227479 h 312726"/>
                <a:gd name="connsiteX3" fmla="*/ 750910 w 750909"/>
                <a:gd name="connsiteY3" fmla="*/ 227479 h 312726"/>
              </a:gdLst>
              <a:ahLst/>
              <a:cxnLst>
                <a:cxn ang="0">
                  <a:pos x="connsiteX0" y="connsiteY0"/>
                </a:cxn>
                <a:cxn ang="0">
                  <a:pos x="connsiteX1" y="connsiteY1"/>
                </a:cxn>
                <a:cxn ang="0">
                  <a:pos x="connsiteX2" y="connsiteY2"/>
                </a:cxn>
                <a:cxn ang="0">
                  <a:pos x="connsiteX3" y="connsiteY3"/>
                </a:cxn>
              </a:cxnLst>
              <a:rect l="l" t="t" r="r" b="b"/>
              <a:pathLst>
                <a:path w="750909" h="312726">
                  <a:moveTo>
                    <a:pt x="750910" y="227479"/>
                  </a:moveTo>
                  <a:cubicBezTo>
                    <a:pt x="750910" y="227479"/>
                    <a:pt x="427439" y="-166869"/>
                    <a:pt x="0" y="82869"/>
                  </a:cubicBezTo>
                  <a:cubicBezTo>
                    <a:pt x="0" y="82869"/>
                    <a:pt x="322204" y="482926"/>
                    <a:pt x="750910" y="227479"/>
                  </a:cubicBezTo>
                  <a:lnTo>
                    <a:pt x="750910" y="227479"/>
                  </a:lnTo>
                  <a:close/>
                </a:path>
              </a:pathLst>
            </a:custGeom>
            <a:solidFill>
              <a:schemeClr val="accent5"/>
            </a:solidFill>
            <a:ln w="15842" cap="flat">
              <a:noFill/>
              <a:prstDash val="solid"/>
              <a:miter/>
            </a:ln>
          </p:spPr>
          <p:txBody>
            <a:bodyPr rtlCol="0" anchor="ctr"/>
            <a:lstStyle/>
            <a:p>
              <a:endParaRPr lang="en-US"/>
            </a:p>
          </p:txBody>
        </p:sp>
      </p:grpSp>
      <p:sp>
        <p:nvSpPr>
          <p:cNvPr id="46" name="Rectangle 45">
            <a:extLst>
              <a:ext uri="{FF2B5EF4-FFF2-40B4-BE49-F238E27FC236}">
                <a16:creationId xmlns:a16="http://schemas.microsoft.com/office/drawing/2014/main" id="{1F2D1A2A-A4E9-DD12-6FB4-8EEEB6641B01}"/>
              </a:ext>
            </a:extLst>
          </p:cNvPr>
          <p:cNvSpPr/>
          <p:nvPr/>
        </p:nvSpPr>
        <p:spPr>
          <a:xfrm>
            <a:off x="0" y="3947406"/>
            <a:ext cx="12192000" cy="24920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72" name="Rectangle 71">
            <a:extLst>
              <a:ext uri="{FF2B5EF4-FFF2-40B4-BE49-F238E27FC236}">
                <a16:creationId xmlns:a16="http://schemas.microsoft.com/office/drawing/2014/main" id="{876C5D27-A60D-4964-94E9-2A54BF3D9F1B}"/>
              </a:ext>
            </a:extLst>
          </p:cNvPr>
          <p:cNvSpPr/>
          <p:nvPr/>
        </p:nvSpPr>
        <p:spPr>
          <a:xfrm>
            <a:off x="708311"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3" name="Rectangle 72">
            <a:extLst>
              <a:ext uri="{FF2B5EF4-FFF2-40B4-BE49-F238E27FC236}">
                <a16:creationId xmlns:a16="http://schemas.microsoft.com/office/drawing/2014/main" id="{105B7CD2-AFDB-834D-8F9E-3464D3AE945F}"/>
              </a:ext>
            </a:extLst>
          </p:cNvPr>
          <p:cNvSpPr/>
          <p:nvPr/>
        </p:nvSpPr>
        <p:spPr>
          <a:xfrm>
            <a:off x="3442685"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4" name="Rectangle 73">
            <a:extLst>
              <a:ext uri="{FF2B5EF4-FFF2-40B4-BE49-F238E27FC236}">
                <a16:creationId xmlns:a16="http://schemas.microsoft.com/office/drawing/2014/main" id="{810646DF-F7FD-64B3-A907-9A158D1D5B2F}"/>
              </a:ext>
            </a:extLst>
          </p:cNvPr>
          <p:cNvSpPr/>
          <p:nvPr/>
        </p:nvSpPr>
        <p:spPr>
          <a:xfrm>
            <a:off x="6177059"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5" name="Rectangle 74">
            <a:extLst>
              <a:ext uri="{FF2B5EF4-FFF2-40B4-BE49-F238E27FC236}">
                <a16:creationId xmlns:a16="http://schemas.microsoft.com/office/drawing/2014/main" id="{C3E406A5-DA64-1CC5-ACC0-44BFE5E1A8EC}"/>
              </a:ext>
            </a:extLst>
          </p:cNvPr>
          <p:cNvSpPr/>
          <p:nvPr/>
        </p:nvSpPr>
        <p:spPr>
          <a:xfrm>
            <a:off x="8911432"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6" name="Date Placeholder 5">
            <a:extLst>
              <a:ext uri="{FF2B5EF4-FFF2-40B4-BE49-F238E27FC236}">
                <a16:creationId xmlns:a16="http://schemas.microsoft.com/office/drawing/2014/main" id="{588ECAB5-2E16-C646-A68D-772D31D80B90}"/>
              </a:ext>
            </a:extLst>
          </p:cNvPr>
          <p:cNvSpPr>
            <a:spLocks noGrp="1"/>
          </p:cNvSpPr>
          <p:nvPr>
            <p:ph type="dt" sz="half" idx="10"/>
          </p:nvPr>
        </p:nvSpPr>
        <p:spPr/>
        <p:txBody>
          <a:bodyPr/>
          <a:lstStyle/>
          <a:p>
            <a:fld id="{EACFDFB6-8245-AF4D-AF6A-1DFDBD35913D}" type="datetime4">
              <a:rPr lang="en-US"/>
              <a:pPr/>
              <a:t>September 8, 2023</a:t>
            </a:fld>
            <a:endParaRPr lang="en-GB" dirty="0"/>
          </a:p>
        </p:txBody>
      </p:sp>
      <p:sp>
        <p:nvSpPr>
          <p:cNvPr id="8" name="Slide Number Placeholder 7">
            <a:extLst>
              <a:ext uri="{FF2B5EF4-FFF2-40B4-BE49-F238E27FC236}">
                <a16:creationId xmlns:a16="http://schemas.microsoft.com/office/drawing/2014/main" id="{9C8B23DD-53BF-6D4A-BA90-637F444D8991}"/>
              </a:ext>
            </a:extLst>
          </p:cNvPr>
          <p:cNvSpPr>
            <a:spLocks noGrp="1"/>
          </p:cNvSpPr>
          <p:nvPr>
            <p:ph type="sldNum" sz="quarter" idx="11"/>
          </p:nvPr>
        </p:nvSpPr>
        <p:spPr/>
        <p:txBody>
          <a:bodyPr/>
          <a:lstStyle/>
          <a:p>
            <a:fld id="{23AA811B-2EBD-4900-905E-5BE206449611}" type="slidenum">
              <a:rPr lang="en-GB"/>
              <a:pPr/>
              <a:t>8</a:t>
            </a:fld>
            <a:endParaRPr lang="en-GB" dirty="0"/>
          </a:p>
        </p:txBody>
      </p:sp>
      <p:sp>
        <p:nvSpPr>
          <p:cNvPr id="18" name="Text Placeholder 5">
            <a:extLst>
              <a:ext uri="{FF2B5EF4-FFF2-40B4-BE49-F238E27FC236}">
                <a16:creationId xmlns:a16="http://schemas.microsoft.com/office/drawing/2014/main" id="{4C39EF69-2672-7E1F-88E3-7220D47C1314}"/>
              </a:ext>
            </a:extLst>
          </p:cNvPr>
          <p:cNvSpPr txBox="1">
            <a:spLocks/>
          </p:cNvSpPr>
          <p:nvPr/>
        </p:nvSpPr>
        <p:spPr>
          <a:xfrm>
            <a:off x="770188" y="4800484"/>
            <a:ext cx="2418808"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Get people into their careers faster, less expensively, and more flexibly </a:t>
            </a:r>
          </a:p>
        </p:txBody>
      </p:sp>
      <p:sp>
        <p:nvSpPr>
          <p:cNvPr id="20" name="Text Placeholder 5">
            <a:extLst>
              <a:ext uri="{FF2B5EF4-FFF2-40B4-BE49-F238E27FC236}">
                <a16:creationId xmlns:a16="http://schemas.microsoft.com/office/drawing/2014/main" id="{702C2CE2-F2FF-7C31-539C-B94750581D9B}"/>
              </a:ext>
            </a:extLst>
          </p:cNvPr>
          <p:cNvSpPr txBox="1">
            <a:spLocks/>
          </p:cNvSpPr>
          <p:nvPr/>
        </p:nvSpPr>
        <p:spPr>
          <a:xfrm>
            <a:off x="6228842" y="4800484"/>
            <a:ext cx="2498497"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Lead not just in education, but in the research and innovation of education</a:t>
            </a:r>
          </a:p>
        </p:txBody>
      </p:sp>
      <p:sp>
        <p:nvSpPr>
          <p:cNvPr id="21" name="Text Placeholder 5">
            <a:extLst>
              <a:ext uri="{FF2B5EF4-FFF2-40B4-BE49-F238E27FC236}">
                <a16:creationId xmlns:a16="http://schemas.microsoft.com/office/drawing/2014/main" id="{53C27F5D-D43F-340F-2BFB-9732CA3BC59A}"/>
              </a:ext>
            </a:extLst>
          </p:cNvPr>
          <p:cNvSpPr txBox="1">
            <a:spLocks/>
          </p:cNvSpPr>
          <p:nvPr/>
        </p:nvSpPr>
        <p:spPr>
          <a:xfrm>
            <a:off x="8911433" y="4800484"/>
            <a:ext cx="2558256"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Advance people throughout their careers </a:t>
            </a:r>
          </a:p>
        </p:txBody>
      </p:sp>
      <p:sp>
        <p:nvSpPr>
          <p:cNvPr id="5" name="Text Placeholder 5">
            <a:extLst>
              <a:ext uri="{FF2B5EF4-FFF2-40B4-BE49-F238E27FC236}">
                <a16:creationId xmlns:a16="http://schemas.microsoft.com/office/drawing/2014/main" id="{2C3CFED5-792B-CE55-2EE8-A70667C66194}"/>
              </a:ext>
            </a:extLst>
          </p:cNvPr>
          <p:cNvSpPr txBox="1">
            <a:spLocks/>
          </p:cNvSpPr>
          <p:nvPr/>
        </p:nvSpPr>
        <p:spPr>
          <a:xfrm>
            <a:off x="716544" y="3612604"/>
            <a:ext cx="2430825" cy="430509"/>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4"/>
            <a:r>
              <a:rPr lang="en-US" sz="2400" b="0" dirty="0">
                <a:solidFill>
                  <a:srgbClr val="2B823F"/>
                </a:solidFill>
                <a:latin typeface="+mj-lt"/>
              </a:rPr>
              <a:t>Goals</a:t>
            </a:r>
          </a:p>
        </p:txBody>
      </p:sp>
      <p:sp>
        <p:nvSpPr>
          <p:cNvPr id="7" name="Rectangle 6">
            <a:extLst>
              <a:ext uri="{FF2B5EF4-FFF2-40B4-BE49-F238E27FC236}">
                <a16:creationId xmlns:a16="http://schemas.microsoft.com/office/drawing/2014/main" id="{DB57C49D-AF1B-8120-B5BD-2B9588190E29}"/>
              </a:ext>
            </a:extLst>
          </p:cNvPr>
          <p:cNvSpPr/>
          <p:nvPr/>
        </p:nvSpPr>
        <p:spPr>
          <a:xfrm>
            <a:off x="0" y="3915291"/>
            <a:ext cx="12192000" cy="45719"/>
          </a:xfrm>
          <a:prstGeom prst="rect">
            <a:avLst/>
          </a:prstGeom>
          <a:gradFill flip="none" rotWithShape="1">
            <a:gsLst>
              <a:gs pos="0">
                <a:schemeClr val="accent1"/>
              </a:gs>
              <a:gs pos="50000">
                <a:schemeClr val="accent3"/>
              </a:gs>
              <a:gs pos="99000">
                <a:schemeClr val="accent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nvGrpSpPr>
          <p:cNvPr id="10" name="Group 9">
            <a:extLst>
              <a:ext uri="{FF2B5EF4-FFF2-40B4-BE49-F238E27FC236}">
                <a16:creationId xmlns:a16="http://schemas.microsoft.com/office/drawing/2014/main" id="{3CF459E8-D538-9D63-D9F9-1380746D31A5}"/>
              </a:ext>
            </a:extLst>
          </p:cNvPr>
          <p:cNvGrpSpPr/>
          <p:nvPr/>
        </p:nvGrpSpPr>
        <p:grpSpPr>
          <a:xfrm>
            <a:off x="2438064" y="3429000"/>
            <a:ext cx="696913" cy="1036813"/>
            <a:chOff x="2485305" y="3727610"/>
            <a:chExt cx="696913" cy="1036813"/>
          </a:xfrm>
        </p:grpSpPr>
        <p:sp>
          <p:nvSpPr>
            <p:cNvPr id="9" name="Content Placeholder 11">
              <a:extLst>
                <a:ext uri="{FF2B5EF4-FFF2-40B4-BE49-F238E27FC236}">
                  <a16:creationId xmlns:a16="http://schemas.microsoft.com/office/drawing/2014/main" id="{5D3FCD77-40E4-DD89-9F3D-2D5BC0DF8A7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3" name="Content Placeholder 11">
              <a:extLst>
                <a:ext uri="{FF2B5EF4-FFF2-40B4-BE49-F238E27FC236}">
                  <a16:creationId xmlns:a16="http://schemas.microsoft.com/office/drawing/2014/main" id="{84822184-D038-D904-4F20-3356128645E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EE9E4B"/>
            </a:solidFill>
            <a:ln w="5963" cap="flat">
              <a:noFill/>
              <a:prstDash val="solid"/>
              <a:miter/>
            </a:ln>
          </p:spPr>
          <p:txBody>
            <a:bodyPr rtlCol="0" anchor="ctr"/>
            <a:lstStyle/>
            <a:p>
              <a:endParaRPr lang="en-US" dirty="0"/>
            </a:p>
          </p:txBody>
        </p:sp>
      </p:grpSp>
      <p:grpSp>
        <p:nvGrpSpPr>
          <p:cNvPr id="11" name="Group 10">
            <a:extLst>
              <a:ext uri="{FF2B5EF4-FFF2-40B4-BE49-F238E27FC236}">
                <a16:creationId xmlns:a16="http://schemas.microsoft.com/office/drawing/2014/main" id="{CEB0665A-DD12-CB8F-1407-354C59814E91}"/>
              </a:ext>
            </a:extLst>
          </p:cNvPr>
          <p:cNvGrpSpPr/>
          <p:nvPr/>
        </p:nvGrpSpPr>
        <p:grpSpPr>
          <a:xfrm>
            <a:off x="7964644" y="3429000"/>
            <a:ext cx="696913" cy="1036813"/>
            <a:chOff x="2485305" y="3727610"/>
            <a:chExt cx="696913" cy="1036813"/>
          </a:xfrm>
        </p:grpSpPr>
        <p:sp>
          <p:nvSpPr>
            <p:cNvPr id="12" name="Content Placeholder 11">
              <a:extLst>
                <a:ext uri="{FF2B5EF4-FFF2-40B4-BE49-F238E27FC236}">
                  <a16:creationId xmlns:a16="http://schemas.microsoft.com/office/drawing/2014/main" id="{E4E240AB-8E76-9866-7A9C-C82203393B62}"/>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13" name="Content Placeholder 11">
              <a:extLst>
                <a:ext uri="{FF2B5EF4-FFF2-40B4-BE49-F238E27FC236}">
                  <a16:creationId xmlns:a16="http://schemas.microsoft.com/office/drawing/2014/main" id="{D59F2E9B-206B-F39C-44A7-7B3C7989C3F0}"/>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EE9E4B"/>
            </a:solidFill>
            <a:ln w="5963" cap="flat">
              <a:noFill/>
              <a:prstDash val="solid"/>
              <a:miter/>
            </a:ln>
          </p:spPr>
          <p:txBody>
            <a:bodyPr rtlCol="0" anchor="ctr"/>
            <a:lstStyle/>
            <a:p>
              <a:endParaRPr lang="en-US" dirty="0"/>
            </a:p>
          </p:txBody>
        </p:sp>
      </p:grpSp>
      <p:sp>
        <p:nvSpPr>
          <p:cNvPr id="37" name="Text Placeholder 5">
            <a:extLst>
              <a:ext uri="{FF2B5EF4-FFF2-40B4-BE49-F238E27FC236}">
                <a16:creationId xmlns:a16="http://schemas.microsoft.com/office/drawing/2014/main" id="{579366DF-3C81-8DFA-2088-649B638138FA}"/>
              </a:ext>
            </a:extLst>
          </p:cNvPr>
          <p:cNvSpPr txBox="1">
            <a:spLocks/>
          </p:cNvSpPr>
          <p:nvPr/>
        </p:nvSpPr>
        <p:spPr>
          <a:xfrm>
            <a:off x="2594830"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1</a:t>
            </a:r>
          </a:p>
        </p:txBody>
      </p:sp>
      <p:grpSp>
        <p:nvGrpSpPr>
          <p:cNvPr id="68" name="Group 67">
            <a:extLst>
              <a:ext uri="{FF2B5EF4-FFF2-40B4-BE49-F238E27FC236}">
                <a16:creationId xmlns:a16="http://schemas.microsoft.com/office/drawing/2014/main" id="{6B60EF02-6B8A-8093-2A0E-96CE5171A0E8}"/>
              </a:ext>
            </a:extLst>
          </p:cNvPr>
          <p:cNvGrpSpPr/>
          <p:nvPr/>
        </p:nvGrpSpPr>
        <p:grpSpPr>
          <a:xfrm>
            <a:off x="0" y="4896322"/>
            <a:ext cx="3926064" cy="1975966"/>
            <a:chOff x="0" y="4896322"/>
            <a:chExt cx="3926064" cy="1975966"/>
          </a:xfrm>
        </p:grpSpPr>
        <p:sp>
          <p:nvSpPr>
            <p:cNvPr id="51" name="Rectangle 48">
              <a:extLst>
                <a:ext uri="{FF2B5EF4-FFF2-40B4-BE49-F238E27FC236}">
                  <a16:creationId xmlns:a16="http://schemas.microsoft.com/office/drawing/2014/main" id="{A16FBC93-FD09-B7E0-624F-73961047D18B}"/>
                </a:ext>
              </a:extLst>
            </p:cNvPr>
            <p:cNvSpPr/>
            <p:nvPr/>
          </p:nvSpPr>
          <p:spPr>
            <a:xfrm>
              <a:off x="0" y="4896322"/>
              <a:ext cx="3926064" cy="1975966"/>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Lst>
              <a:ahLst/>
              <a:cxnLst>
                <a:cxn ang="0">
                  <a:pos x="connsiteX0" y="connsiteY0"/>
                </a:cxn>
                <a:cxn ang="0">
                  <a:pos x="connsiteX1" y="connsiteY1"/>
                </a:cxn>
                <a:cxn ang="0">
                  <a:pos x="connsiteX2" y="connsiteY2"/>
                </a:cxn>
                <a:cxn ang="0">
                  <a:pos x="connsiteX3" y="connsiteY3"/>
                </a:cxn>
              </a:cxnLst>
              <a:rect l="l" t="t" r="r" b="b"/>
              <a:pathLst>
                <a:path w="4575363" h="2886342">
                  <a:moveTo>
                    <a:pt x="0" y="0"/>
                  </a:moveTo>
                  <a:cubicBezTo>
                    <a:pt x="749422" y="1127588"/>
                    <a:pt x="1251023" y="1711434"/>
                    <a:pt x="4575363" y="2886342"/>
                  </a:cubicBezTo>
                  <a:lnTo>
                    <a:pt x="0" y="2868414"/>
                  </a:lnTo>
                  <a:lnTo>
                    <a:pt x="0" y="0"/>
                  </a:lnTo>
                  <a:close/>
                </a:path>
              </a:pathLst>
            </a:custGeom>
            <a:gradFill flip="none" rotWithShape="1">
              <a:gsLst>
                <a:gs pos="0">
                  <a:schemeClr val="accent5"/>
                </a:gs>
                <a:gs pos="100000">
                  <a:schemeClr val="bg1"/>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49" name="Rectangle 48">
              <a:extLst>
                <a:ext uri="{FF2B5EF4-FFF2-40B4-BE49-F238E27FC236}">
                  <a16:creationId xmlns:a16="http://schemas.microsoft.com/office/drawing/2014/main" id="{27A5E4CB-5990-554A-785C-FAF8D0EF9B6C}"/>
                </a:ext>
              </a:extLst>
            </p:cNvPr>
            <p:cNvSpPr/>
            <p:nvPr/>
          </p:nvSpPr>
          <p:spPr>
            <a:xfrm>
              <a:off x="0" y="5047641"/>
              <a:ext cx="3202696" cy="1810358"/>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Lst>
              <a:ahLst/>
              <a:cxnLst>
                <a:cxn ang="0">
                  <a:pos x="connsiteX0" y="connsiteY0"/>
                </a:cxn>
                <a:cxn ang="0">
                  <a:pos x="connsiteX1" y="connsiteY1"/>
                </a:cxn>
                <a:cxn ang="0">
                  <a:pos x="connsiteX2" y="connsiteY2"/>
                </a:cxn>
                <a:cxn ang="0">
                  <a:pos x="connsiteX3" y="connsiteY3"/>
                </a:cxn>
              </a:cxnLst>
              <a:rect l="l" t="t" r="r" b="b"/>
              <a:pathLst>
                <a:path w="4048488" h="2868414">
                  <a:moveTo>
                    <a:pt x="0" y="0"/>
                  </a:moveTo>
                  <a:cubicBezTo>
                    <a:pt x="749422" y="1127588"/>
                    <a:pt x="1698866" y="1926564"/>
                    <a:pt x="4048488" y="2868414"/>
                  </a:cubicBezTo>
                  <a:lnTo>
                    <a:pt x="0" y="2868414"/>
                  </a:lnTo>
                  <a:lnTo>
                    <a:pt x="0" y="0"/>
                  </a:lnTo>
                  <a:close/>
                </a:path>
              </a:pathLst>
            </a:custGeom>
            <a:solidFill>
              <a:schemeClr val="accent1"/>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grpSp>
        <p:nvGrpSpPr>
          <p:cNvPr id="43" name="Group 42">
            <a:extLst>
              <a:ext uri="{FF2B5EF4-FFF2-40B4-BE49-F238E27FC236}">
                <a16:creationId xmlns:a16="http://schemas.microsoft.com/office/drawing/2014/main" id="{53B8286C-9856-A6B2-B778-1162A282E8DA}"/>
              </a:ext>
            </a:extLst>
          </p:cNvPr>
          <p:cNvGrpSpPr/>
          <p:nvPr/>
        </p:nvGrpSpPr>
        <p:grpSpPr>
          <a:xfrm rot="1067977">
            <a:off x="7512086" y="285195"/>
            <a:ext cx="1236569" cy="1839671"/>
            <a:chOff x="2485305" y="3727610"/>
            <a:chExt cx="696913" cy="1036813"/>
          </a:xfrm>
        </p:grpSpPr>
        <p:sp>
          <p:nvSpPr>
            <p:cNvPr id="44" name="Content Placeholder 11">
              <a:extLst>
                <a:ext uri="{FF2B5EF4-FFF2-40B4-BE49-F238E27FC236}">
                  <a16:creationId xmlns:a16="http://schemas.microsoft.com/office/drawing/2014/main" id="{4C98C310-8624-F29D-1469-56E64C7779B4}"/>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45" name="Content Placeholder 11">
              <a:extLst>
                <a:ext uri="{FF2B5EF4-FFF2-40B4-BE49-F238E27FC236}">
                  <a16:creationId xmlns:a16="http://schemas.microsoft.com/office/drawing/2014/main" id="{0EB1BF54-B0F7-A7FB-3C8F-2D8215A9EDB5}"/>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EE9E4B"/>
            </a:solidFill>
            <a:ln w="5963" cap="flat">
              <a:noFill/>
              <a:prstDash val="solid"/>
              <a:miter/>
            </a:ln>
          </p:spPr>
          <p:txBody>
            <a:bodyPr rtlCol="0" anchor="ctr"/>
            <a:lstStyle/>
            <a:p>
              <a:endParaRPr lang="en-US" dirty="0"/>
            </a:p>
          </p:txBody>
        </p:sp>
      </p:grpSp>
      <p:grpSp>
        <p:nvGrpSpPr>
          <p:cNvPr id="47" name="Group 46">
            <a:extLst>
              <a:ext uri="{FF2B5EF4-FFF2-40B4-BE49-F238E27FC236}">
                <a16:creationId xmlns:a16="http://schemas.microsoft.com/office/drawing/2014/main" id="{8B98CB27-1371-969F-B33D-0D119BC54A78}"/>
              </a:ext>
            </a:extLst>
          </p:cNvPr>
          <p:cNvGrpSpPr/>
          <p:nvPr/>
        </p:nvGrpSpPr>
        <p:grpSpPr>
          <a:xfrm>
            <a:off x="5201354" y="3429000"/>
            <a:ext cx="696913" cy="1036813"/>
            <a:chOff x="2485305" y="3727610"/>
            <a:chExt cx="696913" cy="1036813"/>
          </a:xfrm>
        </p:grpSpPr>
        <p:sp>
          <p:nvSpPr>
            <p:cNvPr id="48" name="Content Placeholder 11">
              <a:extLst>
                <a:ext uri="{FF2B5EF4-FFF2-40B4-BE49-F238E27FC236}">
                  <a16:creationId xmlns:a16="http://schemas.microsoft.com/office/drawing/2014/main" id="{61E9E7D7-D337-384B-A26F-8627CE5AC5AD}"/>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50" name="Content Placeholder 11">
              <a:extLst>
                <a:ext uri="{FF2B5EF4-FFF2-40B4-BE49-F238E27FC236}">
                  <a16:creationId xmlns:a16="http://schemas.microsoft.com/office/drawing/2014/main" id="{66243E69-FF46-8584-1A86-0C25DAF8F81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EE9E4B"/>
            </a:solidFill>
            <a:ln w="5963" cap="flat">
              <a:noFill/>
              <a:prstDash val="solid"/>
              <a:miter/>
            </a:ln>
          </p:spPr>
          <p:txBody>
            <a:bodyPr rtlCol="0" anchor="ctr"/>
            <a:lstStyle/>
            <a:p>
              <a:endParaRPr lang="en-US" dirty="0"/>
            </a:p>
          </p:txBody>
        </p:sp>
      </p:grpSp>
      <p:grpSp>
        <p:nvGrpSpPr>
          <p:cNvPr id="54" name="Group 53">
            <a:extLst>
              <a:ext uri="{FF2B5EF4-FFF2-40B4-BE49-F238E27FC236}">
                <a16:creationId xmlns:a16="http://schemas.microsoft.com/office/drawing/2014/main" id="{DD9D2B3C-6BAA-AC32-A908-09BAF2754DF3}"/>
              </a:ext>
            </a:extLst>
          </p:cNvPr>
          <p:cNvGrpSpPr/>
          <p:nvPr/>
        </p:nvGrpSpPr>
        <p:grpSpPr>
          <a:xfrm>
            <a:off x="10727934" y="3429000"/>
            <a:ext cx="696913" cy="1036813"/>
            <a:chOff x="2485305" y="3727610"/>
            <a:chExt cx="696913" cy="1036813"/>
          </a:xfrm>
        </p:grpSpPr>
        <p:sp>
          <p:nvSpPr>
            <p:cNvPr id="57" name="Content Placeholder 11">
              <a:extLst>
                <a:ext uri="{FF2B5EF4-FFF2-40B4-BE49-F238E27FC236}">
                  <a16:creationId xmlns:a16="http://schemas.microsoft.com/office/drawing/2014/main" id="{56132545-6F55-5D81-7761-B1DDE4F45F40}"/>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59" name="Content Placeholder 11">
              <a:extLst>
                <a:ext uri="{FF2B5EF4-FFF2-40B4-BE49-F238E27FC236}">
                  <a16:creationId xmlns:a16="http://schemas.microsoft.com/office/drawing/2014/main" id="{802E6817-ACC5-3B7F-069B-950F0FE1B1D4}"/>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EE9E4B"/>
            </a:solidFill>
            <a:ln w="5963" cap="flat">
              <a:noFill/>
              <a:prstDash val="solid"/>
              <a:miter/>
            </a:ln>
          </p:spPr>
          <p:txBody>
            <a:bodyPr rtlCol="0" anchor="ctr"/>
            <a:lstStyle/>
            <a:p>
              <a:endParaRPr lang="en-US" dirty="0"/>
            </a:p>
          </p:txBody>
        </p:sp>
      </p:grpSp>
      <p:sp>
        <p:nvSpPr>
          <p:cNvPr id="38" name="Text Placeholder 5">
            <a:extLst>
              <a:ext uri="{FF2B5EF4-FFF2-40B4-BE49-F238E27FC236}">
                <a16:creationId xmlns:a16="http://schemas.microsoft.com/office/drawing/2014/main" id="{C01C3626-3D7B-9B0A-8262-58DB0AF5F811}"/>
              </a:ext>
            </a:extLst>
          </p:cNvPr>
          <p:cNvSpPr txBox="1">
            <a:spLocks/>
          </p:cNvSpPr>
          <p:nvPr/>
        </p:nvSpPr>
        <p:spPr>
          <a:xfrm>
            <a:off x="5355837"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2</a:t>
            </a:r>
          </a:p>
        </p:txBody>
      </p:sp>
      <p:sp>
        <p:nvSpPr>
          <p:cNvPr id="39" name="Text Placeholder 5">
            <a:extLst>
              <a:ext uri="{FF2B5EF4-FFF2-40B4-BE49-F238E27FC236}">
                <a16:creationId xmlns:a16="http://schemas.microsoft.com/office/drawing/2014/main" id="{BA471C7D-76CD-B897-BA0B-86AEA3E10383}"/>
              </a:ext>
            </a:extLst>
          </p:cNvPr>
          <p:cNvSpPr txBox="1">
            <a:spLocks/>
          </p:cNvSpPr>
          <p:nvPr/>
        </p:nvSpPr>
        <p:spPr>
          <a:xfrm>
            <a:off x="8130372"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3</a:t>
            </a:r>
          </a:p>
        </p:txBody>
      </p:sp>
      <p:sp>
        <p:nvSpPr>
          <p:cNvPr id="40" name="Text Placeholder 5">
            <a:extLst>
              <a:ext uri="{FF2B5EF4-FFF2-40B4-BE49-F238E27FC236}">
                <a16:creationId xmlns:a16="http://schemas.microsoft.com/office/drawing/2014/main" id="{133381A5-3342-36F0-A0C3-5BC98B1403F9}"/>
              </a:ext>
            </a:extLst>
          </p:cNvPr>
          <p:cNvSpPr txBox="1">
            <a:spLocks/>
          </p:cNvSpPr>
          <p:nvPr/>
        </p:nvSpPr>
        <p:spPr>
          <a:xfrm>
            <a:off x="10881240"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4</a:t>
            </a:r>
          </a:p>
        </p:txBody>
      </p:sp>
      <p:sp>
        <p:nvSpPr>
          <p:cNvPr id="42" name="Text Placeholder 5">
            <a:extLst>
              <a:ext uri="{FF2B5EF4-FFF2-40B4-BE49-F238E27FC236}">
                <a16:creationId xmlns:a16="http://schemas.microsoft.com/office/drawing/2014/main" id="{32B023FF-FDBA-292C-788E-EE40A3846281}"/>
              </a:ext>
            </a:extLst>
          </p:cNvPr>
          <p:cNvSpPr txBox="1">
            <a:spLocks/>
          </p:cNvSpPr>
          <p:nvPr/>
        </p:nvSpPr>
        <p:spPr>
          <a:xfrm>
            <a:off x="3541256" y="4800484"/>
            <a:ext cx="2357011"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Create the workforce our patients and enterprise need tomorrow </a:t>
            </a:r>
          </a:p>
        </p:txBody>
      </p:sp>
      <p:pic>
        <p:nvPicPr>
          <p:cNvPr id="53" name="Picture 52" descr="A black background with red and blue text&#10;&#10;Description automatically generated">
            <a:extLst>
              <a:ext uri="{FF2B5EF4-FFF2-40B4-BE49-F238E27FC236}">
                <a16:creationId xmlns:a16="http://schemas.microsoft.com/office/drawing/2014/main" id="{F045E970-9B20-E776-E880-1A4511245C55}"/>
              </a:ext>
            </a:extLst>
          </p:cNvPr>
          <p:cNvPicPr>
            <a:picLocks noChangeAspect="1"/>
          </p:cNvPicPr>
          <p:nvPr/>
        </p:nvPicPr>
        <p:blipFill rotWithShape="1">
          <a:blip r:embed="rId6">
            <a:extLst>
              <a:ext uri="{28A0092B-C50C-407E-A947-70E740481C1C}">
                <a14:useLocalDpi xmlns:a14="http://schemas.microsoft.com/office/drawing/2010/main"/>
              </a:ext>
            </a:extLst>
          </a:blip>
          <a:srcRect/>
          <a:stretch/>
        </p:blipFill>
        <p:spPr>
          <a:xfrm>
            <a:off x="623901" y="1038115"/>
            <a:ext cx="6391985" cy="846451"/>
          </a:xfrm>
          <a:prstGeom prst="rect">
            <a:avLst/>
          </a:prstGeom>
        </p:spPr>
      </p:pic>
      <p:sp>
        <p:nvSpPr>
          <p:cNvPr id="67" name="Text Placeholder 5">
            <a:extLst>
              <a:ext uri="{FF2B5EF4-FFF2-40B4-BE49-F238E27FC236}">
                <a16:creationId xmlns:a16="http://schemas.microsoft.com/office/drawing/2014/main" id="{A0FD311B-E425-C32F-80C3-4A0055A84F20}"/>
              </a:ext>
            </a:extLst>
          </p:cNvPr>
          <p:cNvSpPr txBox="1">
            <a:spLocks/>
          </p:cNvSpPr>
          <p:nvPr/>
        </p:nvSpPr>
        <p:spPr>
          <a:xfrm>
            <a:off x="728661" y="2189233"/>
            <a:ext cx="6123271" cy="512491"/>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r>
              <a:rPr lang="en-US" dirty="0">
                <a:solidFill>
                  <a:schemeClr val="accent2"/>
                </a:solidFill>
                <a:effectLst/>
              </a:rPr>
              <a:t>Health care and population health are human enterprises. We will create and deploy new approaches to transform training and professional development.</a:t>
            </a:r>
          </a:p>
        </p:txBody>
      </p:sp>
    </p:spTree>
    <p:custDataLst>
      <p:custData r:id="rId1"/>
      <p:custData r:id="rId2"/>
    </p:custDataLst>
    <p:extLst>
      <p:ext uri="{BB962C8B-B14F-4D97-AF65-F5344CB8AC3E}">
        <p14:creationId xmlns:p14="http://schemas.microsoft.com/office/powerpoint/2010/main" val="217942140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66" name="Group 65">
            <a:extLst>
              <a:ext uri="{FF2B5EF4-FFF2-40B4-BE49-F238E27FC236}">
                <a16:creationId xmlns:a16="http://schemas.microsoft.com/office/drawing/2014/main" id="{9E81C2DC-2529-BB9F-5020-73E6540FDBC5}"/>
              </a:ext>
            </a:extLst>
          </p:cNvPr>
          <p:cNvGrpSpPr/>
          <p:nvPr/>
        </p:nvGrpSpPr>
        <p:grpSpPr>
          <a:xfrm>
            <a:off x="6840538" y="-3"/>
            <a:ext cx="5368301" cy="3923777"/>
            <a:chOff x="6893531" y="1457051"/>
            <a:chExt cx="3402327" cy="2486815"/>
          </a:xfrm>
        </p:grpSpPr>
        <p:pic>
          <p:nvPicPr>
            <p:cNvPr id="64" name="Picture 63">
              <a:extLst>
                <a:ext uri="{FF2B5EF4-FFF2-40B4-BE49-F238E27FC236}">
                  <a16:creationId xmlns:a16="http://schemas.microsoft.com/office/drawing/2014/main" id="{89467148-945F-B807-B1C4-57653CD30C43}"/>
                </a:ext>
              </a:extLst>
            </p:cNvPr>
            <p:cNvPicPr>
              <a:picLocks noChangeAspect="1"/>
            </p:cNvPicPr>
            <p:nvPr/>
          </p:nvPicPr>
          <p:blipFill rotWithShape="1">
            <a:blip r:embed="rId5">
              <a:alphaModFix amt="30000"/>
              <a:extLst>
                <a:ext uri="{28A0092B-C50C-407E-A947-70E740481C1C}">
                  <a14:useLocalDpi xmlns:a14="http://schemas.microsoft.com/office/drawing/2010/main"/>
                </a:ext>
              </a:extLst>
            </a:blip>
            <a:srcRect/>
            <a:stretch/>
          </p:blipFill>
          <p:spPr>
            <a:xfrm flipH="1">
              <a:off x="6893531" y="1457051"/>
              <a:ext cx="3402327" cy="2486815"/>
            </a:xfrm>
            <a:prstGeom prst="rect">
              <a:avLst/>
            </a:prstGeom>
            <a:solidFill>
              <a:srgbClr val="9EC3E1"/>
            </a:solidFill>
            <a:effectLst>
              <a:softEdge rad="0"/>
            </a:effectLst>
          </p:spPr>
        </p:pic>
        <p:sp>
          <p:nvSpPr>
            <p:cNvPr id="65" name="Rectangle 64">
              <a:extLst>
                <a:ext uri="{FF2B5EF4-FFF2-40B4-BE49-F238E27FC236}">
                  <a16:creationId xmlns:a16="http://schemas.microsoft.com/office/drawing/2014/main" id="{85D41CB0-2D06-E99D-D7E5-D77281F97946}"/>
                </a:ext>
              </a:extLst>
            </p:cNvPr>
            <p:cNvSpPr/>
            <p:nvPr/>
          </p:nvSpPr>
          <p:spPr>
            <a:xfrm>
              <a:off x="6893531" y="1457052"/>
              <a:ext cx="2546259" cy="2486814"/>
            </a:xfrm>
            <a:prstGeom prst="rect">
              <a:avLst/>
            </a:prstGeom>
            <a:gradFill flip="none" rotWithShape="1">
              <a:gsLst>
                <a:gs pos="0">
                  <a:schemeClr val="bg1">
                    <a:alpha val="0"/>
                  </a:schemeClr>
                </a:gs>
                <a:gs pos="100000">
                  <a:schemeClr val="bg1"/>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grpSp>
        <p:nvGrpSpPr>
          <p:cNvPr id="17" name="Group 16">
            <a:extLst>
              <a:ext uri="{FF2B5EF4-FFF2-40B4-BE49-F238E27FC236}">
                <a16:creationId xmlns:a16="http://schemas.microsoft.com/office/drawing/2014/main" id="{D598D461-E3A9-7F05-40FA-B67C833B7E7E}"/>
              </a:ext>
            </a:extLst>
          </p:cNvPr>
          <p:cNvGrpSpPr/>
          <p:nvPr/>
        </p:nvGrpSpPr>
        <p:grpSpPr>
          <a:xfrm>
            <a:off x="780329" y="-1019626"/>
            <a:ext cx="9924473" cy="7782461"/>
            <a:chOff x="248280" y="-1019626"/>
            <a:chExt cx="9924473" cy="7782461"/>
          </a:xfrm>
        </p:grpSpPr>
        <p:sp>
          <p:nvSpPr>
            <p:cNvPr id="19" name="Freeform 18">
              <a:extLst>
                <a:ext uri="{FF2B5EF4-FFF2-40B4-BE49-F238E27FC236}">
                  <a16:creationId xmlns:a16="http://schemas.microsoft.com/office/drawing/2014/main" id="{D36D70F0-18C7-4193-429F-0CB587DCD5D7}"/>
                </a:ext>
              </a:extLst>
            </p:cNvPr>
            <p:cNvSpPr/>
            <p:nvPr/>
          </p:nvSpPr>
          <p:spPr>
            <a:xfrm>
              <a:off x="248280" y="-1019626"/>
              <a:ext cx="7231612" cy="7782461"/>
            </a:xfrm>
            <a:custGeom>
              <a:avLst/>
              <a:gdLst>
                <a:gd name="connsiteX0" fmla="*/ 108 w 7231612"/>
                <a:gd name="connsiteY0" fmla="*/ 0 h 7782461"/>
                <a:gd name="connsiteX1" fmla="*/ 7231613 w 7231612"/>
                <a:gd name="connsiteY1" fmla="*/ 7663327 h 7782461"/>
                <a:gd name="connsiteX2" fmla="*/ 7155865 w 7231612"/>
                <a:gd name="connsiteY2" fmla="*/ 7643298 h 7782461"/>
                <a:gd name="connsiteX3" fmla="*/ 485650 w 7231612"/>
                <a:gd name="connsiteY3" fmla="*/ 370803 h 7782461"/>
                <a:gd name="connsiteX4" fmla="*/ 0 w 7231612"/>
                <a:gd name="connsiteY4" fmla="*/ 108 h 7782461"/>
                <a:gd name="connsiteX5" fmla="*/ 0 w 7231612"/>
                <a:gd name="connsiteY5" fmla="*/ 108 h 77824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7231612" h="7782461">
                  <a:moveTo>
                    <a:pt x="108" y="0"/>
                  </a:moveTo>
                  <a:cubicBezTo>
                    <a:pt x="4137977" y="519232"/>
                    <a:pt x="7078819" y="3415065"/>
                    <a:pt x="7231613" y="7663327"/>
                  </a:cubicBezTo>
                  <a:cubicBezTo>
                    <a:pt x="7231613" y="7663327"/>
                    <a:pt x="7161276" y="7944271"/>
                    <a:pt x="7155865" y="7643298"/>
                  </a:cubicBezTo>
                  <a:cubicBezTo>
                    <a:pt x="7112365" y="5208126"/>
                    <a:pt x="5530216" y="921648"/>
                    <a:pt x="485650" y="370803"/>
                  </a:cubicBezTo>
                  <a:cubicBezTo>
                    <a:pt x="485866" y="370803"/>
                    <a:pt x="0" y="108"/>
                    <a:pt x="0" y="108"/>
                  </a:cubicBezTo>
                  <a:lnTo>
                    <a:pt x="0" y="108"/>
                  </a:lnTo>
                  <a:close/>
                </a:path>
              </a:pathLst>
            </a:custGeom>
            <a:gradFill>
              <a:gsLst>
                <a:gs pos="0">
                  <a:schemeClr val="bg1"/>
                </a:gs>
                <a:gs pos="100000">
                  <a:schemeClr val="accent5"/>
                </a:gs>
              </a:gsLst>
              <a:lin ang="10800000" scaled="1"/>
            </a:gradFill>
            <a:ln w="10815" cap="flat">
              <a:noFill/>
              <a:prstDash val="solid"/>
              <a:miter/>
            </a:ln>
          </p:spPr>
          <p:txBody>
            <a:bodyPr rtlCol="0" anchor="ctr"/>
            <a:lstStyle/>
            <a:p>
              <a:endParaRPr lang="en-US"/>
            </a:p>
          </p:txBody>
        </p:sp>
        <p:sp>
          <p:nvSpPr>
            <p:cNvPr id="22" name="Freeform 21">
              <a:extLst>
                <a:ext uri="{FF2B5EF4-FFF2-40B4-BE49-F238E27FC236}">
                  <a16:creationId xmlns:a16="http://schemas.microsoft.com/office/drawing/2014/main" id="{F5A52D9F-4F98-088B-FBF8-FF6A2BA30F93}"/>
                </a:ext>
              </a:extLst>
            </p:cNvPr>
            <p:cNvSpPr/>
            <p:nvPr/>
          </p:nvSpPr>
          <p:spPr>
            <a:xfrm>
              <a:off x="7032224" y="275818"/>
              <a:ext cx="585311" cy="416151"/>
            </a:xfrm>
            <a:custGeom>
              <a:avLst/>
              <a:gdLst>
                <a:gd name="connsiteX0" fmla="*/ 0 w 585311"/>
                <a:gd name="connsiteY0" fmla="*/ 411764 h 416151"/>
                <a:gd name="connsiteX1" fmla="*/ 585312 w 585311"/>
                <a:gd name="connsiteY1" fmla="*/ 5126 h 416151"/>
                <a:gd name="connsiteX2" fmla="*/ 0 w 585311"/>
                <a:gd name="connsiteY2" fmla="*/ 411764 h 416151"/>
                <a:gd name="connsiteX3" fmla="*/ 0 w 585311"/>
                <a:gd name="connsiteY3" fmla="*/ 411764 h 416151"/>
              </a:gdLst>
              <a:ahLst/>
              <a:cxnLst>
                <a:cxn ang="0">
                  <a:pos x="connsiteX0" y="connsiteY0"/>
                </a:cxn>
                <a:cxn ang="0">
                  <a:pos x="connsiteX1" y="connsiteY1"/>
                </a:cxn>
                <a:cxn ang="0">
                  <a:pos x="connsiteX2" y="connsiteY2"/>
                </a:cxn>
                <a:cxn ang="0">
                  <a:pos x="connsiteX3" y="connsiteY3"/>
                </a:cxn>
              </a:cxnLst>
              <a:rect l="l" t="t" r="r" b="b"/>
              <a:pathLst>
                <a:path w="585311" h="416151">
                  <a:moveTo>
                    <a:pt x="0" y="411764"/>
                  </a:moveTo>
                  <a:cubicBezTo>
                    <a:pt x="0" y="411764"/>
                    <a:pt x="476560" y="487981"/>
                    <a:pt x="585312" y="5126"/>
                  </a:cubicBezTo>
                  <a:cubicBezTo>
                    <a:pt x="585312" y="5126"/>
                    <a:pt x="105722" y="-76505"/>
                    <a:pt x="0" y="411764"/>
                  </a:cubicBezTo>
                  <a:lnTo>
                    <a:pt x="0" y="411764"/>
                  </a:lnTo>
                  <a:close/>
                </a:path>
              </a:pathLst>
            </a:custGeom>
            <a:solidFill>
              <a:schemeClr val="accent5"/>
            </a:solidFill>
            <a:ln w="10815" cap="flat">
              <a:noFill/>
              <a:prstDash val="solid"/>
              <a:miter/>
            </a:ln>
          </p:spPr>
          <p:txBody>
            <a:bodyPr rtlCol="0" anchor="ctr"/>
            <a:lstStyle/>
            <a:p>
              <a:endParaRPr lang="en-US"/>
            </a:p>
          </p:txBody>
        </p:sp>
        <p:sp>
          <p:nvSpPr>
            <p:cNvPr id="24" name="Freeform 23">
              <a:extLst>
                <a:ext uri="{FF2B5EF4-FFF2-40B4-BE49-F238E27FC236}">
                  <a16:creationId xmlns:a16="http://schemas.microsoft.com/office/drawing/2014/main" id="{F3380055-64A2-A117-5DDC-7D5D16E8CC91}"/>
                </a:ext>
              </a:extLst>
            </p:cNvPr>
            <p:cNvSpPr/>
            <p:nvPr/>
          </p:nvSpPr>
          <p:spPr>
            <a:xfrm>
              <a:off x="6746078" y="254419"/>
              <a:ext cx="227442" cy="422552"/>
            </a:xfrm>
            <a:custGeom>
              <a:avLst/>
              <a:gdLst>
                <a:gd name="connsiteX0" fmla="*/ 8261 w 227442"/>
                <a:gd name="connsiteY0" fmla="*/ 0 h 422552"/>
                <a:gd name="connsiteX1" fmla="*/ 218406 w 227442"/>
                <a:gd name="connsiteY1" fmla="*/ 422553 h 422552"/>
                <a:gd name="connsiteX2" fmla="*/ 8261 w 227442"/>
                <a:gd name="connsiteY2" fmla="*/ 0 h 422552"/>
                <a:gd name="connsiteX3" fmla="*/ 8261 w 227442"/>
                <a:gd name="connsiteY3" fmla="*/ 0 h 422552"/>
              </a:gdLst>
              <a:ahLst/>
              <a:cxnLst>
                <a:cxn ang="0">
                  <a:pos x="connsiteX0" y="connsiteY0"/>
                </a:cxn>
                <a:cxn ang="0">
                  <a:pos x="connsiteX1" y="connsiteY1"/>
                </a:cxn>
                <a:cxn ang="0">
                  <a:pos x="connsiteX2" y="connsiteY2"/>
                </a:cxn>
                <a:cxn ang="0">
                  <a:pos x="connsiteX3" y="connsiteY3"/>
                </a:cxn>
              </a:cxnLst>
              <a:rect l="l" t="t" r="r" b="b"/>
              <a:pathLst>
                <a:path w="227442" h="422552">
                  <a:moveTo>
                    <a:pt x="8261" y="0"/>
                  </a:moveTo>
                  <a:cubicBezTo>
                    <a:pt x="8261" y="0"/>
                    <a:pt x="-63915" y="306278"/>
                    <a:pt x="218406" y="422553"/>
                  </a:cubicBezTo>
                  <a:cubicBezTo>
                    <a:pt x="218406" y="422553"/>
                    <a:pt x="293938" y="114759"/>
                    <a:pt x="8261" y="0"/>
                  </a:cubicBezTo>
                  <a:lnTo>
                    <a:pt x="8261" y="0"/>
                  </a:lnTo>
                  <a:close/>
                </a:path>
              </a:pathLst>
            </a:custGeom>
            <a:solidFill>
              <a:schemeClr val="accent5"/>
            </a:solidFill>
            <a:ln w="10815" cap="flat">
              <a:noFill/>
              <a:prstDash val="solid"/>
              <a:miter/>
            </a:ln>
          </p:spPr>
          <p:txBody>
            <a:bodyPr rtlCol="0" anchor="ctr"/>
            <a:lstStyle/>
            <a:p>
              <a:endParaRPr lang="en-US"/>
            </a:p>
          </p:txBody>
        </p:sp>
        <p:grpSp>
          <p:nvGrpSpPr>
            <p:cNvPr id="25" name="Graphic 66">
              <a:extLst>
                <a:ext uri="{FF2B5EF4-FFF2-40B4-BE49-F238E27FC236}">
                  <a16:creationId xmlns:a16="http://schemas.microsoft.com/office/drawing/2014/main" id="{3A5DFD9B-ADCD-2406-5E07-D0D412F99F69}"/>
                </a:ext>
              </a:extLst>
            </p:cNvPr>
            <p:cNvGrpSpPr/>
            <p:nvPr/>
          </p:nvGrpSpPr>
          <p:grpSpPr>
            <a:xfrm>
              <a:off x="4474773" y="-358244"/>
              <a:ext cx="5697980" cy="1406795"/>
              <a:chOff x="4474773" y="-358244"/>
              <a:chExt cx="5697980" cy="1406795"/>
            </a:xfrm>
            <a:solidFill>
              <a:schemeClr val="accent1"/>
            </a:solidFill>
          </p:grpSpPr>
          <p:sp>
            <p:nvSpPr>
              <p:cNvPr id="29" name="Freeform 28">
                <a:extLst>
                  <a:ext uri="{FF2B5EF4-FFF2-40B4-BE49-F238E27FC236}">
                    <a16:creationId xmlns:a16="http://schemas.microsoft.com/office/drawing/2014/main" id="{FB2214F5-6089-3DBE-6C2D-1AA12DAEC7E1}"/>
                  </a:ext>
                </a:extLst>
              </p:cNvPr>
              <p:cNvSpPr/>
              <p:nvPr/>
            </p:nvSpPr>
            <p:spPr>
              <a:xfrm>
                <a:off x="5488815" y="688638"/>
                <a:ext cx="850752" cy="359912"/>
              </a:xfrm>
              <a:custGeom>
                <a:avLst/>
                <a:gdLst>
                  <a:gd name="connsiteX0" fmla="*/ 850752 w 850752"/>
                  <a:gd name="connsiteY0" fmla="*/ 144666 h 359912"/>
                  <a:gd name="connsiteX1" fmla="*/ 0 w 850752"/>
                  <a:gd name="connsiteY1" fmla="*/ 212006 h 359912"/>
                  <a:gd name="connsiteX2" fmla="*/ 850752 w 850752"/>
                  <a:gd name="connsiteY2" fmla="*/ 144666 h 359912"/>
                  <a:gd name="connsiteX3" fmla="*/ 850752 w 850752"/>
                  <a:gd name="connsiteY3" fmla="*/ 144666 h 359912"/>
                </a:gdLst>
                <a:ahLst/>
                <a:cxnLst>
                  <a:cxn ang="0">
                    <a:pos x="connsiteX0" y="connsiteY0"/>
                  </a:cxn>
                  <a:cxn ang="0">
                    <a:pos x="connsiteX1" y="connsiteY1"/>
                  </a:cxn>
                  <a:cxn ang="0">
                    <a:pos x="connsiteX2" y="connsiteY2"/>
                  </a:cxn>
                  <a:cxn ang="0">
                    <a:pos x="connsiteX3" y="connsiteY3"/>
                  </a:cxn>
                </a:cxnLst>
                <a:rect l="l" t="t" r="r" b="b"/>
                <a:pathLst>
                  <a:path w="850752" h="359912">
                    <a:moveTo>
                      <a:pt x="850752" y="144666"/>
                    </a:moveTo>
                    <a:cubicBezTo>
                      <a:pt x="850752" y="144666"/>
                      <a:pt x="403626" y="-221915"/>
                      <a:pt x="0" y="212006"/>
                    </a:cubicBezTo>
                    <a:cubicBezTo>
                      <a:pt x="0" y="212006"/>
                      <a:pt x="447018" y="585948"/>
                      <a:pt x="850752" y="144666"/>
                    </a:cubicBezTo>
                    <a:lnTo>
                      <a:pt x="850752" y="144666"/>
                    </a:lnTo>
                    <a:close/>
                  </a:path>
                </a:pathLst>
              </a:custGeom>
              <a:solidFill>
                <a:schemeClr val="accent5"/>
              </a:solidFill>
              <a:ln w="10815" cap="flat">
                <a:noFill/>
                <a:prstDash val="solid"/>
                <a:miter/>
              </a:ln>
            </p:spPr>
            <p:txBody>
              <a:bodyPr rtlCol="0" anchor="ctr"/>
              <a:lstStyle/>
              <a:p>
                <a:endParaRPr lang="en-US" dirty="0"/>
              </a:p>
            </p:txBody>
          </p:sp>
          <p:sp>
            <p:nvSpPr>
              <p:cNvPr id="30" name="Freeform 29">
                <a:extLst>
                  <a:ext uri="{FF2B5EF4-FFF2-40B4-BE49-F238E27FC236}">
                    <a16:creationId xmlns:a16="http://schemas.microsoft.com/office/drawing/2014/main" id="{5FC8BCEA-993D-62AC-CF19-231C2E1D3844}"/>
                  </a:ext>
                </a:extLst>
              </p:cNvPr>
              <p:cNvSpPr/>
              <p:nvPr/>
            </p:nvSpPr>
            <p:spPr>
              <a:xfrm>
                <a:off x="4474773" y="-358244"/>
                <a:ext cx="5697980" cy="1192958"/>
              </a:xfrm>
              <a:custGeom>
                <a:avLst/>
                <a:gdLst>
                  <a:gd name="connsiteX0" fmla="*/ 0 w 5697980"/>
                  <a:gd name="connsiteY0" fmla="*/ 0 h 1192958"/>
                  <a:gd name="connsiteX1" fmla="*/ 5667535 w 5697980"/>
                  <a:gd name="connsiteY1" fmla="*/ 176145 h 1192958"/>
                  <a:gd name="connsiteX2" fmla="*/ 5632366 w 5697980"/>
                  <a:gd name="connsiteY2" fmla="*/ 152760 h 1192958"/>
                  <a:gd name="connsiteX3" fmla="*/ 322684 w 5697980"/>
                  <a:gd name="connsiteY3" fmla="*/ 63226 h 1192958"/>
                  <a:gd name="connsiteX4" fmla="*/ 0 w 5697980"/>
                  <a:gd name="connsiteY4" fmla="*/ 0 h 1192958"/>
                  <a:gd name="connsiteX5" fmla="*/ 0 w 5697980"/>
                  <a:gd name="connsiteY5" fmla="*/ 0 h 11929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697980" h="1192958">
                    <a:moveTo>
                      <a:pt x="0" y="0"/>
                    </a:moveTo>
                    <a:cubicBezTo>
                      <a:pt x="1687004" y="1481478"/>
                      <a:pt x="3903052" y="1631965"/>
                      <a:pt x="5667535" y="176145"/>
                    </a:cubicBezTo>
                    <a:cubicBezTo>
                      <a:pt x="5667535" y="176145"/>
                      <a:pt x="5755510" y="47419"/>
                      <a:pt x="5632366" y="152760"/>
                    </a:cubicBezTo>
                    <a:cubicBezTo>
                      <a:pt x="4636612" y="1005011"/>
                      <a:pt x="2346225" y="1898726"/>
                      <a:pt x="322684" y="63226"/>
                    </a:cubicBezTo>
                    <a:lnTo>
                      <a:pt x="0" y="0"/>
                    </a:lnTo>
                    <a:lnTo>
                      <a:pt x="0" y="0"/>
                    </a:lnTo>
                    <a:close/>
                  </a:path>
                </a:pathLst>
              </a:custGeom>
              <a:grpFill/>
              <a:ln w="10815" cap="flat">
                <a:noFill/>
                <a:prstDash val="solid"/>
                <a:miter/>
              </a:ln>
            </p:spPr>
            <p:txBody>
              <a:bodyPr rtlCol="0" anchor="ctr"/>
              <a:lstStyle/>
              <a:p>
                <a:endParaRPr lang="en-US"/>
              </a:p>
            </p:txBody>
          </p:sp>
        </p:grpSp>
        <p:grpSp>
          <p:nvGrpSpPr>
            <p:cNvPr id="26" name="Group 25">
              <a:extLst>
                <a:ext uri="{FF2B5EF4-FFF2-40B4-BE49-F238E27FC236}">
                  <a16:creationId xmlns:a16="http://schemas.microsoft.com/office/drawing/2014/main" id="{83DADE19-DFD8-0D45-814A-7A241FBFC6A9}"/>
                </a:ext>
              </a:extLst>
            </p:cNvPr>
            <p:cNvGrpSpPr/>
            <p:nvPr/>
          </p:nvGrpSpPr>
          <p:grpSpPr>
            <a:xfrm rot="10330513">
              <a:off x="5860779" y="928606"/>
              <a:ext cx="1236569" cy="1839671"/>
              <a:chOff x="2485305" y="3727610"/>
              <a:chExt cx="696913" cy="1036813"/>
            </a:xfrm>
          </p:grpSpPr>
          <p:sp>
            <p:nvSpPr>
              <p:cNvPr id="27" name="Content Placeholder 11">
                <a:extLst>
                  <a:ext uri="{FF2B5EF4-FFF2-40B4-BE49-F238E27FC236}">
                    <a16:creationId xmlns:a16="http://schemas.microsoft.com/office/drawing/2014/main" id="{21DCCCE7-4128-8977-CC94-D9A4D4FA9AE8}"/>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28" name="Content Placeholder 11">
                <a:extLst>
                  <a:ext uri="{FF2B5EF4-FFF2-40B4-BE49-F238E27FC236}">
                    <a16:creationId xmlns:a16="http://schemas.microsoft.com/office/drawing/2014/main" id="{7CAD3D55-D526-067D-1AF5-73E1AE7F4883}"/>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chemeClr val="accent3"/>
              </a:solidFill>
              <a:ln w="5963" cap="flat">
                <a:noFill/>
                <a:prstDash val="solid"/>
                <a:miter/>
              </a:ln>
            </p:spPr>
            <p:txBody>
              <a:bodyPr rtlCol="0" anchor="ctr"/>
              <a:lstStyle/>
              <a:p>
                <a:endParaRPr lang="en-US" dirty="0"/>
              </a:p>
            </p:txBody>
          </p:sp>
        </p:grpSp>
      </p:grpSp>
      <p:sp>
        <p:nvSpPr>
          <p:cNvPr id="46" name="Rectangle 45">
            <a:extLst>
              <a:ext uri="{FF2B5EF4-FFF2-40B4-BE49-F238E27FC236}">
                <a16:creationId xmlns:a16="http://schemas.microsoft.com/office/drawing/2014/main" id="{1F2D1A2A-A4E9-DD12-6FB4-8EEEB6641B01}"/>
              </a:ext>
            </a:extLst>
          </p:cNvPr>
          <p:cNvSpPr/>
          <p:nvPr/>
        </p:nvSpPr>
        <p:spPr>
          <a:xfrm>
            <a:off x="0" y="3947406"/>
            <a:ext cx="12192000" cy="24920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72" name="Rectangle 71">
            <a:extLst>
              <a:ext uri="{FF2B5EF4-FFF2-40B4-BE49-F238E27FC236}">
                <a16:creationId xmlns:a16="http://schemas.microsoft.com/office/drawing/2014/main" id="{876C5D27-A60D-4964-94E9-2A54BF3D9F1B}"/>
              </a:ext>
            </a:extLst>
          </p:cNvPr>
          <p:cNvSpPr/>
          <p:nvPr/>
        </p:nvSpPr>
        <p:spPr>
          <a:xfrm>
            <a:off x="708311"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3" name="Rectangle 72">
            <a:extLst>
              <a:ext uri="{FF2B5EF4-FFF2-40B4-BE49-F238E27FC236}">
                <a16:creationId xmlns:a16="http://schemas.microsoft.com/office/drawing/2014/main" id="{105B7CD2-AFDB-834D-8F9E-3464D3AE945F}"/>
              </a:ext>
            </a:extLst>
          </p:cNvPr>
          <p:cNvSpPr/>
          <p:nvPr/>
        </p:nvSpPr>
        <p:spPr>
          <a:xfrm>
            <a:off x="3442685"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4" name="Rectangle 73">
            <a:extLst>
              <a:ext uri="{FF2B5EF4-FFF2-40B4-BE49-F238E27FC236}">
                <a16:creationId xmlns:a16="http://schemas.microsoft.com/office/drawing/2014/main" id="{810646DF-F7FD-64B3-A907-9A158D1D5B2F}"/>
              </a:ext>
            </a:extLst>
          </p:cNvPr>
          <p:cNvSpPr/>
          <p:nvPr/>
        </p:nvSpPr>
        <p:spPr>
          <a:xfrm>
            <a:off x="6177059"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75" name="Rectangle 74">
            <a:extLst>
              <a:ext uri="{FF2B5EF4-FFF2-40B4-BE49-F238E27FC236}">
                <a16:creationId xmlns:a16="http://schemas.microsoft.com/office/drawing/2014/main" id="{C3E406A5-DA64-1CC5-ACC0-44BFE5E1A8EC}"/>
              </a:ext>
            </a:extLst>
          </p:cNvPr>
          <p:cNvSpPr/>
          <p:nvPr/>
        </p:nvSpPr>
        <p:spPr>
          <a:xfrm>
            <a:off x="8911432" y="3989586"/>
            <a:ext cx="2572257" cy="2882702"/>
          </a:xfrm>
          <a:prstGeom prst="rect">
            <a:avLst/>
          </a:prstGeom>
          <a:gradFill>
            <a:gsLst>
              <a:gs pos="0">
                <a:schemeClr val="bg1"/>
              </a:gs>
              <a:gs pos="99000">
                <a:srgbClr val="9EC3E1">
                  <a:alpha val="24841"/>
                </a:srgbClr>
              </a:gs>
            </a:gsLst>
            <a:lin ang="5400000" scaled="1"/>
          </a:gradFill>
          <a:ln w="28575">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latin typeface="+mj-lt"/>
              <a:cs typeface="Arial" panose="020B0604020202020204" pitchFamily="34" charset="0"/>
            </a:endParaRPr>
          </a:p>
        </p:txBody>
      </p:sp>
      <p:sp>
        <p:nvSpPr>
          <p:cNvPr id="6" name="Date Placeholder 5">
            <a:extLst>
              <a:ext uri="{FF2B5EF4-FFF2-40B4-BE49-F238E27FC236}">
                <a16:creationId xmlns:a16="http://schemas.microsoft.com/office/drawing/2014/main" id="{588ECAB5-2E16-C646-A68D-772D31D80B90}"/>
              </a:ext>
            </a:extLst>
          </p:cNvPr>
          <p:cNvSpPr>
            <a:spLocks noGrp="1"/>
          </p:cNvSpPr>
          <p:nvPr>
            <p:ph type="dt" sz="half" idx="10"/>
          </p:nvPr>
        </p:nvSpPr>
        <p:spPr/>
        <p:txBody>
          <a:bodyPr/>
          <a:lstStyle/>
          <a:p>
            <a:fld id="{EACFDFB6-8245-AF4D-AF6A-1DFDBD35913D}" type="datetime4">
              <a:rPr lang="en-US"/>
              <a:pPr/>
              <a:t>September 8, 2023</a:t>
            </a:fld>
            <a:endParaRPr lang="en-GB" dirty="0"/>
          </a:p>
        </p:txBody>
      </p:sp>
      <p:sp>
        <p:nvSpPr>
          <p:cNvPr id="8" name="Slide Number Placeholder 7">
            <a:extLst>
              <a:ext uri="{FF2B5EF4-FFF2-40B4-BE49-F238E27FC236}">
                <a16:creationId xmlns:a16="http://schemas.microsoft.com/office/drawing/2014/main" id="{9C8B23DD-53BF-6D4A-BA90-637F444D8991}"/>
              </a:ext>
            </a:extLst>
          </p:cNvPr>
          <p:cNvSpPr>
            <a:spLocks noGrp="1"/>
          </p:cNvSpPr>
          <p:nvPr>
            <p:ph type="sldNum" sz="quarter" idx="11"/>
          </p:nvPr>
        </p:nvSpPr>
        <p:spPr/>
        <p:txBody>
          <a:bodyPr/>
          <a:lstStyle/>
          <a:p>
            <a:fld id="{23AA811B-2EBD-4900-905E-5BE206449611}" type="slidenum">
              <a:rPr lang="en-GB"/>
              <a:pPr/>
              <a:t>9</a:t>
            </a:fld>
            <a:endParaRPr lang="en-GB" dirty="0"/>
          </a:p>
        </p:txBody>
      </p:sp>
      <p:sp>
        <p:nvSpPr>
          <p:cNvPr id="18" name="Text Placeholder 5">
            <a:extLst>
              <a:ext uri="{FF2B5EF4-FFF2-40B4-BE49-F238E27FC236}">
                <a16:creationId xmlns:a16="http://schemas.microsoft.com/office/drawing/2014/main" id="{4C39EF69-2672-7E1F-88E3-7220D47C1314}"/>
              </a:ext>
            </a:extLst>
          </p:cNvPr>
          <p:cNvSpPr txBox="1">
            <a:spLocks/>
          </p:cNvSpPr>
          <p:nvPr/>
        </p:nvSpPr>
        <p:spPr>
          <a:xfrm>
            <a:off x="770188" y="4800484"/>
            <a:ext cx="2418808"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Increase life expectancy and the social and economic welfare of community residents</a:t>
            </a:r>
          </a:p>
        </p:txBody>
      </p:sp>
      <p:sp>
        <p:nvSpPr>
          <p:cNvPr id="21" name="Text Placeholder 5">
            <a:extLst>
              <a:ext uri="{FF2B5EF4-FFF2-40B4-BE49-F238E27FC236}">
                <a16:creationId xmlns:a16="http://schemas.microsoft.com/office/drawing/2014/main" id="{53C27F5D-D43F-340F-2BFB-9732CA3BC59A}"/>
              </a:ext>
            </a:extLst>
          </p:cNvPr>
          <p:cNvSpPr txBox="1">
            <a:spLocks/>
          </p:cNvSpPr>
          <p:nvPr/>
        </p:nvSpPr>
        <p:spPr>
          <a:xfrm>
            <a:off x="8911433" y="4800484"/>
            <a:ext cx="2558256"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Advance care for our employees as we would care for our patients</a:t>
            </a:r>
          </a:p>
        </p:txBody>
      </p:sp>
      <p:sp>
        <p:nvSpPr>
          <p:cNvPr id="5" name="Text Placeholder 5">
            <a:extLst>
              <a:ext uri="{FF2B5EF4-FFF2-40B4-BE49-F238E27FC236}">
                <a16:creationId xmlns:a16="http://schemas.microsoft.com/office/drawing/2014/main" id="{2C3CFED5-792B-CE55-2EE8-A70667C66194}"/>
              </a:ext>
            </a:extLst>
          </p:cNvPr>
          <p:cNvSpPr txBox="1">
            <a:spLocks/>
          </p:cNvSpPr>
          <p:nvPr/>
        </p:nvSpPr>
        <p:spPr>
          <a:xfrm>
            <a:off x="716544" y="3612604"/>
            <a:ext cx="2430825" cy="430509"/>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4"/>
            <a:r>
              <a:rPr lang="en-US" sz="2400" b="0" dirty="0">
                <a:solidFill>
                  <a:srgbClr val="C6583F"/>
                </a:solidFill>
                <a:latin typeface="+mj-lt"/>
              </a:rPr>
              <a:t>Goals</a:t>
            </a:r>
          </a:p>
        </p:txBody>
      </p:sp>
      <p:sp>
        <p:nvSpPr>
          <p:cNvPr id="7" name="Rectangle 6">
            <a:extLst>
              <a:ext uri="{FF2B5EF4-FFF2-40B4-BE49-F238E27FC236}">
                <a16:creationId xmlns:a16="http://schemas.microsoft.com/office/drawing/2014/main" id="{DB57C49D-AF1B-8120-B5BD-2B9588190E29}"/>
              </a:ext>
            </a:extLst>
          </p:cNvPr>
          <p:cNvSpPr/>
          <p:nvPr/>
        </p:nvSpPr>
        <p:spPr>
          <a:xfrm>
            <a:off x="0" y="3915291"/>
            <a:ext cx="12192000" cy="45719"/>
          </a:xfrm>
          <a:prstGeom prst="rect">
            <a:avLst/>
          </a:prstGeom>
          <a:gradFill flip="none" rotWithShape="1">
            <a:gsLst>
              <a:gs pos="0">
                <a:schemeClr val="accent1"/>
              </a:gs>
              <a:gs pos="50000">
                <a:schemeClr val="accent3"/>
              </a:gs>
              <a:gs pos="99000">
                <a:schemeClr val="accent1"/>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nvGrpSpPr>
          <p:cNvPr id="10" name="Group 9">
            <a:extLst>
              <a:ext uri="{FF2B5EF4-FFF2-40B4-BE49-F238E27FC236}">
                <a16:creationId xmlns:a16="http://schemas.microsoft.com/office/drawing/2014/main" id="{3CF459E8-D538-9D63-D9F9-1380746D31A5}"/>
              </a:ext>
            </a:extLst>
          </p:cNvPr>
          <p:cNvGrpSpPr/>
          <p:nvPr/>
        </p:nvGrpSpPr>
        <p:grpSpPr>
          <a:xfrm>
            <a:off x="2438064" y="3429000"/>
            <a:ext cx="696913" cy="1036813"/>
            <a:chOff x="2485305" y="3727610"/>
            <a:chExt cx="696913" cy="1036813"/>
          </a:xfrm>
        </p:grpSpPr>
        <p:sp>
          <p:nvSpPr>
            <p:cNvPr id="9" name="Content Placeholder 11">
              <a:extLst>
                <a:ext uri="{FF2B5EF4-FFF2-40B4-BE49-F238E27FC236}">
                  <a16:creationId xmlns:a16="http://schemas.microsoft.com/office/drawing/2014/main" id="{5D3FCD77-40E4-DD89-9F3D-2D5BC0DF8A7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3" name="Content Placeholder 11">
              <a:extLst>
                <a:ext uri="{FF2B5EF4-FFF2-40B4-BE49-F238E27FC236}">
                  <a16:creationId xmlns:a16="http://schemas.microsoft.com/office/drawing/2014/main" id="{84822184-D038-D904-4F20-3356128645E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498DC1"/>
            </a:solidFill>
            <a:ln w="5963" cap="flat">
              <a:noFill/>
              <a:prstDash val="solid"/>
              <a:miter/>
            </a:ln>
          </p:spPr>
          <p:txBody>
            <a:bodyPr rtlCol="0" anchor="ctr"/>
            <a:lstStyle/>
            <a:p>
              <a:endParaRPr lang="en-US" dirty="0"/>
            </a:p>
          </p:txBody>
        </p:sp>
      </p:grpSp>
      <p:grpSp>
        <p:nvGrpSpPr>
          <p:cNvPr id="11" name="Group 10">
            <a:extLst>
              <a:ext uri="{FF2B5EF4-FFF2-40B4-BE49-F238E27FC236}">
                <a16:creationId xmlns:a16="http://schemas.microsoft.com/office/drawing/2014/main" id="{CEB0665A-DD12-CB8F-1407-354C59814E91}"/>
              </a:ext>
            </a:extLst>
          </p:cNvPr>
          <p:cNvGrpSpPr/>
          <p:nvPr/>
        </p:nvGrpSpPr>
        <p:grpSpPr>
          <a:xfrm>
            <a:off x="7964644" y="3429000"/>
            <a:ext cx="696913" cy="1036813"/>
            <a:chOff x="2485305" y="3727610"/>
            <a:chExt cx="696913" cy="1036813"/>
          </a:xfrm>
        </p:grpSpPr>
        <p:sp>
          <p:nvSpPr>
            <p:cNvPr id="12" name="Content Placeholder 11">
              <a:extLst>
                <a:ext uri="{FF2B5EF4-FFF2-40B4-BE49-F238E27FC236}">
                  <a16:creationId xmlns:a16="http://schemas.microsoft.com/office/drawing/2014/main" id="{E4E240AB-8E76-9866-7A9C-C82203393B62}"/>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13" name="Content Placeholder 11">
              <a:extLst>
                <a:ext uri="{FF2B5EF4-FFF2-40B4-BE49-F238E27FC236}">
                  <a16:creationId xmlns:a16="http://schemas.microsoft.com/office/drawing/2014/main" id="{D59F2E9B-206B-F39C-44A7-7B3C7989C3F0}"/>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498DC1"/>
            </a:solidFill>
            <a:ln w="5963" cap="flat">
              <a:noFill/>
              <a:prstDash val="solid"/>
              <a:miter/>
            </a:ln>
          </p:spPr>
          <p:txBody>
            <a:bodyPr rtlCol="0" anchor="ctr"/>
            <a:lstStyle/>
            <a:p>
              <a:endParaRPr lang="en-US" dirty="0"/>
            </a:p>
          </p:txBody>
        </p:sp>
      </p:grpSp>
      <p:sp>
        <p:nvSpPr>
          <p:cNvPr id="37" name="Text Placeholder 5">
            <a:extLst>
              <a:ext uri="{FF2B5EF4-FFF2-40B4-BE49-F238E27FC236}">
                <a16:creationId xmlns:a16="http://schemas.microsoft.com/office/drawing/2014/main" id="{579366DF-3C81-8DFA-2088-649B638138FA}"/>
              </a:ext>
            </a:extLst>
          </p:cNvPr>
          <p:cNvSpPr txBox="1">
            <a:spLocks/>
          </p:cNvSpPr>
          <p:nvPr/>
        </p:nvSpPr>
        <p:spPr>
          <a:xfrm>
            <a:off x="2594830"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1</a:t>
            </a:r>
          </a:p>
        </p:txBody>
      </p:sp>
      <p:grpSp>
        <p:nvGrpSpPr>
          <p:cNvPr id="31" name="Group 30">
            <a:extLst>
              <a:ext uri="{FF2B5EF4-FFF2-40B4-BE49-F238E27FC236}">
                <a16:creationId xmlns:a16="http://schemas.microsoft.com/office/drawing/2014/main" id="{D8B73510-C38F-C240-B1BF-4A9050D8C26B}"/>
              </a:ext>
            </a:extLst>
          </p:cNvPr>
          <p:cNvGrpSpPr/>
          <p:nvPr/>
        </p:nvGrpSpPr>
        <p:grpSpPr>
          <a:xfrm flipH="1">
            <a:off x="8299173" y="4896322"/>
            <a:ext cx="3926064" cy="1975966"/>
            <a:chOff x="0" y="4896322"/>
            <a:chExt cx="3926064" cy="1975966"/>
          </a:xfrm>
        </p:grpSpPr>
        <p:sp>
          <p:nvSpPr>
            <p:cNvPr id="51" name="Rectangle 48">
              <a:extLst>
                <a:ext uri="{FF2B5EF4-FFF2-40B4-BE49-F238E27FC236}">
                  <a16:creationId xmlns:a16="http://schemas.microsoft.com/office/drawing/2014/main" id="{A16FBC93-FD09-B7E0-624F-73961047D18B}"/>
                </a:ext>
              </a:extLst>
            </p:cNvPr>
            <p:cNvSpPr/>
            <p:nvPr/>
          </p:nvSpPr>
          <p:spPr>
            <a:xfrm>
              <a:off x="0" y="4896322"/>
              <a:ext cx="3926064" cy="1975966"/>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 name="connsiteX0" fmla="*/ 0 w 4575363"/>
                <a:gd name="connsiteY0" fmla="*/ 0 h 2886342"/>
                <a:gd name="connsiteX1" fmla="*/ 4575363 w 4575363"/>
                <a:gd name="connsiteY1" fmla="*/ 2886342 h 2886342"/>
                <a:gd name="connsiteX2" fmla="*/ 0 w 4575363"/>
                <a:gd name="connsiteY2" fmla="*/ 2868414 h 2886342"/>
                <a:gd name="connsiteX3" fmla="*/ 0 w 4575363"/>
                <a:gd name="connsiteY3" fmla="*/ 0 h 2886342"/>
              </a:gdLst>
              <a:ahLst/>
              <a:cxnLst>
                <a:cxn ang="0">
                  <a:pos x="connsiteX0" y="connsiteY0"/>
                </a:cxn>
                <a:cxn ang="0">
                  <a:pos x="connsiteX1" y="connsiteY1"/>
                </a:cxn>
                <a:cxn ang="0">
                  <a:pos x="connsiteX2" y="connsiteY2"/>
                </a:cxn>
                <a:cxn ang="0">
                  <a:pos x="connsiteX3" y="connsiteY3"/>
                </a:cxn>
              </a:cxnLst>
              <a:rect l="l" t="t" r="r" b="b"/>
              <a:pathLst>
                <a:path w="4575363" h="2886342">
                  <a:moveTo>
                    <a:pt x="0" y="0"/>
                  </a:moveTo>
                  <a:cubicBezTo>
                    <a:pt x="749422" y="1127588"/>
                    <a:pt x="1251023" y="1711434"/>
                    <a:pt x="4575363" y="2886342"/>
                  </a:cubicBezTo>
                  <a:lnTo>
                    <a:pt x="0" y="2868414"/>
                  </a:lnTo>
                  <a:lnTo>
                    <a:pt x="0" y="0"/>
                  </a:lnTo>
                  <a:close/>
                </a:path>
              </a:pathLst>
            </a:custGeom>
            <a:gradFill flip="none" rotWithShape="1">
              <a:gsLst>
                <a:gs pos="0">
                  <a:schemeClr val="accent5"/>
                </a:gs>
                <a:gs pos="100000">
                  <a:schemeClr val="bg1"/>
                </a:gs>
              </a:gsLst>
              <a:lin ang="27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sp>
          <p:nvSpPr>
            <p:cNvPr id="49" name="Rectangle 48">
              <a:extLst>
                <a:ext uri="{FF2B5EF4-FFF2-40B4-BE49-F238E27FC236}">
                  <a16:creationId xmlns:a16="http://schemas.microsoft.com/office/drawing/2014/main" id="{27A5E4CB-5990-554A-785C-FAF8D0EF9B6C}"/>
                </a:ext>
              </a:extLst>
            </p:cNvPr>
            <p:cNvSpPr/>
            <p:nvPr/>
          </p:nvSpPr>
          <p:spPr>
            <a:xfrm>
              <a:off x="0" y="5047641"/>
              <a:ext cx="3202696" cy="1810358"/>
            </a:xfrm>
            <a:custGeom>
              <a:avLst/>
              <a:gdLst>
                <a:gd name="connsiteX0" fmla="*/ 0 w 3148376"/>
                <a:gd name="connsiteY0" fmla="*/ 0 h 2868414"/>
                <a:gd name="connsiteX1" fmla="*/ 3148376 w 3148376"/>
                <a:gd name="connsiteY1" fmla="*/ 0 h 2868414"/>
                <a:gd name="connsiteX2" fmla="*/ 3148376 w 3148376"/>
                <a:gd name="connsiteY2" fmla="*/ 2868414 h 2868414"/>
                <a:gd name="connsiteX3" fmla="*/ 0 w 3148376"/>
                <a:gd name="connsiteY3" fmla="*/ 2868414 h 2868414"/>
                <a:gd name="connsiteX4" fmla="*/ 0 w 3148376"/>
                <a:gd name="connsiteY4"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3148376"/>
                <a:gd name="connsiteY0" fmla="*/ 0 h 2868414"/>
                <a:gd name="connsiteX1" fmla="*/ 3148376 w 3148376"/>
                <a:gd name="connsiteY1" fmla="*/ 2868414 h 2868414"/>
                <a:gd name="connsiteX2" fmla="*/ 0 w 3148376"/>
                <a:gd name="connsiteY2" fmla="*/ 2868414 h 2868414"/>
                <a:gd name="connsiteX3" fmla="*/ 0 w 3148376"/>
                <a:gd name="connsiteY3" fmla="*/ 0 h 2868414"/>
                <a:gd name="connsiteX0" fmla="*/ 0 w 4048488"/>
                <a:gd name="connsiteY0" fmla="*/ 0 h 2868414"/>
                <a:gd name="connsiteX1" fmla="*/ 4048488 w 4048488"/>
                <a:gd name="connsiteY1" fmla="*/ 2868414 h 2868414"/>
                <a:gd name="connsiteX2" fmla="*/ 0 w 4048488"/>
                <a:gd name="connsiteY2" fmla="*/ 2868414 h 2868414"/>
                <a:gd name="connsiteX3" fmla="*/ 0 w 4048488"/>
                <a:gd name="connsiteY3" fmla="*/ 0 h 2868414"/>
              </a:gdLst>
              <a:ahLst/>
              <a:cxnLst>
                <a:cxn ang="0">
                  <a:pos x="connsiteX0" y="connsiteY0"/>
                </a:cxn>
                <a:cxn ang="0">
                  <a:pos x="connsiteX1" y="connsiteY1"/>
                </a:cxn>
                <a:cxn ang="0">
                  <a:pos x="connsiteX2" y="connsiteY2"/>
                </a:cxn>
                <a:cxn ang="0">
                  <a:pos x="connsiteX3" y="connsiteY3"/>
                </a:cxn>
              </a:cxnLst>
              <a:rect l="l" t="t" r="r" b="b"/>
              <a:pathLst>
                <a:path w="4048488" h="2868414">
                  <a:moveTo>
                    <a:pt x="0" y="0"/>
                  </a:moveTo>
                  <a:cubicBezTo>
                    <a:pt x="749422" y="1127588"/>
                    <a:pt x="1698866" y="1926564"/>
                    <a:pt x="4048488" y="2868414"/>
                  </a:cubicBezTo>
                  <a:lnTo>
                    <a:pt x="0" y="2868414"/>
                  </a:lnTo>
                  <a:lnTo>
                    <a:pt x="0" y="0"/>
                  </a:lnTo>
                  <a:close/>
                </a:path>
              </a:pathLst>
            </a:custGeom>
            <a:solidFill>
              <a:schemeClr val="accent1"/>
            </a:solidFill>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dirty="0" err="1">
                <a:latin typeface="+mj-lt"/>
              </a:endParaRPr>
            </a:p>
          </p:txBody>
        </p:sp>
      </p:grpSp>
      <p:grpSp>
        <p:nvGrpSpPr>
          <p:cNvPr id="47" name="Group 46">
            <a:extLst>
              <a:ext uri="{FF2B5EF4-FFF2-40B4-BE49-F238E27FC236}">
                <a16:creationId xmlns:a16="http://schemas.microsoft.com/office/drawing/2014/main" id="{8B98CB27-1371-969F-B33D-0D119BC54A78}"/>
              </a:ext>
            </a:extLst>
          </p:cNvPr>
          <p:cNvGrpSpPr/>
          <p:nvPr/>
        </p:nvGrpSpPr>
        <p:grpSpPr>
          <a:xfrm>
            <a:off x="5201354" y="3429000"/>
            <a:ext cx="696913" cy="1036813"/>
            <a:chOff x="2485305" y="3727610"/>
            <a:chExt cx="696913" cy="1036813"/>
          </a:xfrm>
        </p:grpSpPr>
        <p:sp>
          <p:nvSpPr>
            <p:cNvPr id="48" name="Content Placeholder 11">
              <a:extLst>
                <a:ext uri="{FF2B5EF4-FFF2-40B4-BE49-F238E27FC236}">
                  <a16:creationId xmlns:a16="http://schemas.microsoft.com/office/drawing/2014/main" id="{61E9E7D7-D337-384B-A26F-8627CE5AC5AD}"/>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50" name="Content Placeholder 11">
              <a:extLst>
                <a:ext uri="{FF2B5EF4-FFF2-40B4-BE49-F238E27FC236}">
                  <a16:creationId xmlns:a16="http://schemas.microsoft.com/office/drawing/2014/main" id="{66243E69-FF46-8584-1A86-0C25DAF8F81B}"/>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498DC1"/>
            </a:solidFill>
            <a:ln w="5963" cap="flat">
              <a:noFill/>
              <a:prstDash val="solid"/>
              <a:miter/>
            </a:ln>
          </p:spPr>
          <p:txBody>
            <a:bodyPr rtlCol="0" anchor="ctr"/>
            <a:lstStyle/>
            <a:p>
              <a:endParaRPr lang="en-US" dirty="0"/>
            </a:p>
          </p:txBody>
        </p:sp>
      </p:grpSp>
      <p:grpSp>
        <p:nvGrpSpPr>
          <p:cNvPr id="54" name="Group 53">
            <a:extLst>
              <a:ext uri="{FF2B5EF4-FFF2-40B4-BE49-F238E27FC236}">
                <a16:creationId xmlns:a16="http://schemas.microsoft.com/office/drawing/2014/main" id="{DD9D2B3C-6BAA-AC32-A908-09BAF2754DF3}"/>
              </a:ext>
            </a:extLst>
          </p:cNvPr>
          <p:cNvGrpSpPr/>
          <p:nvPr/>
        </p:nvGrpSpPr>
        <p:grpSpPr>
          <a:xfrm>
            <a:off x="10727934" y="3429000"/>
            <a:ext cx="696913" cy="1036813"/>
            <a:chOff x="2485305" y="3727610"/>
            <a:chExt cx="696913" cy="1036813"/>
          </a:xfrm>
        </p:grpSpPr>
        <p:sp>
          <p:nvSpPr>
            <p:cNvPr id="57" name="Content Placeholder 11">
              <a:extLst>
                <a:ext uri="{FF2B5EF4-FFF2-40B4-BE49-F238E27FC236}">
                  <a16:creationId xmlns:a16="http://schemas.microsoft.com/office/drawing/2014/main" id="{56132545-6F55-5D81-7761-B1DDE4F45F40}"/>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2616105 w 2742519"/>
                <a:gd name="connsiteY7" fmla="*/ 4038923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1150526 w 2742519"/>
                <a:gd name="connsiteY6" fmla="*/ 1615329 h 4080106"/>
                <a:gd name="connsiteX7" fmla="*/ 1822153 w 2742519"/>
                <a:gd name="connsiteY7" fmla="*/ 2540668 h 4080106"/>
                <a:gd name="connsiteX8" fmla="*/ 1150526 w 2742519"/>
                <a:gd name="connsiteY8" fmla="*/ 1615329 h 4080106"/>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lnTo>
                    <a:pt x="56788" y="0"/>
                  </a:lnTo>
                  <a:lnTo>
                    <a:pt x="44851" y="200544"/>
                  </a:lnTo>
                  <a:cubicBezTo>
                    <a:pt x="-162258" y="1514223"/>
                    <a:pt x="352829" y="2822531"/>
                    <a:pt x="1488048" y="3545921"/>
                  </a:cubicBezTo>
                  <a:close/>
                </a:path>
              </a:pathLst>
            </a:custGeom>
            <a:solidFill>
              <a:schemeClr val="bg1"/>
            </a:solidFill>
            <a:ln w="5963" cap="flat">
              <a:noFill/>
              <a:prstDash val="solid"/>
              <a:miter/>
            </a:ln>
          </p:spPr>
          <p:txBody>
            <a:bodyPr rtlCol="0" anchor="ctr"/>
            <a:lstStyle/>
            <a:p>
              <a:endParaRPr lang="en-US"/>
            </a:p>
          </p:txBody>
        </p:sp>
        <p:sp>
          <p:nvSpPr>
            <p:cNvPr id="59" name="Content Placeholder 11">
              <a:extLst>
                <a:ext uri="{FF2B5EF4-FFF2-40B4-BE49-F238E27FC236}">
                  <a16:creationId xmlns:a16="http://schemas.microsoft.com/office/drawing/2014/main" id="{802E6817-ACC5-3B7F-069B-950F0FE1B1D4}"/>
                </a:ext>
              </a:extLst>
            </p:cNvPr>
            <p:cNvSpPr/>
            <p:nvPr/>
          </p:nvSpPr>
          <p:spPr>
            <a:xfrm flipH="1">
              <a:off x="2485305" y="3727610"/>
              <a:ext cx="696913" cy="1036813"/>
            </a:xfrm>
            <a:custGeom>
              <a:avLst/>
              <a:gdLst>
                <a:gd name="connsiteX0" fmla="*/ 1488048 w 2742519"/>
                <a:gd name="connsiteY0" fmla="*/ 3545921 h 4080106"/>
                <a:gd name="connsiteX1" fmla="*/ 2641173 w 2742519"/>
                <a:gd name="connsiteY1" fmla="*/ 4080107 h 4080106"/>
                <a:gd name="connsiteX2" fmla="*/ 254347 w 2742519"/>
                <a:gd name="connsiteY2" fmla="*/ 68042 h 4080106"/>
                <a:gd name="connsiteX3" fmla="*/ 56788 w 2742519"/>
                <a:gd name="connsiteY3" fmla="*/ 0 h 4080106"/>
                <a:gd name="connsiteX4" fmla="*/ 44851 w 2742519"/>
                <a:gd name="connsiteY4" fmla="*/ 200544 h 4080106"/>
                <a:gd name="connsiteX5" fmla="*/ 1488048 w 2742519"/>
                <a:gd name="connsiteY5" fmla="*/ 3545921 h 4080106"/>
                <a:gd name="connsiteX6" fmla="*/ 340295 w 2742519"/>
                <a:gd name="connsiteY6" fmla="*/ 447642 h 4080106"/>
                <a:gd name="connsiteX7" fmla="*/ 2616105 w 2742519"/>
                <a:gd name="connsiteY7" fmla="*/ 4038923 h 4080106"/>
                <a:gd name="connsiteX8" fmla="*/ 340295 w 2742519"/>
                <a:gd name="connsiteY8" fmla="*/ 447642 h 408010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2742519" h="4080106">
                  <a:moveTo>
                    <a:pt x="1488048" y="3545921"/>
                  </a:moveTo>
                  <a:cubicBezTo>
                    <a:pt x="1841387" y="3772129"/>
                    <a:pt x="2231730" y="3986400"/>
                    <a:pt x="2641173" y="4080107"/>
                  </a:cubicBezTo>
                  <a:cubicBezTo>
                    <a:pt x="3093590" y="2248356"/>
                    <a:pt x="1984035" y="661316"/>
                    <a:pt x="254347" y="68042"/>
                  </a:cubicBezTo>
                  <a:cubicBezTo>
                    <a:pt x="254347" y="68042"/>
                    <a:pt x="56788" y="0"/>
                    <a:pt x="56788" y="0"/>
                  </a:cubicBezTo>
                  <a:lnTo>
                    <a:pt x="44851" y="200544"/>
                  </a:lnTo>
                  <a:cubicBezTo>
                    <a:pt x="-162258" y="1514223"/>
                    <a:pt x="352829" y="2822531"/>
                    <a:pt x="1488048" y="3545921"/>
                  </a:cubicBezTo>
                  <a:close/>
                  <a:moveTo>
                    <a:pt x="340295" y="447642"/>
                  </a:moveTo>
                  <a:cubicBezTo>
                    <a:pt x="1944643" y="1003315"/>
                    <a:pt x="2851863" y="2293717"/>
                    <a:pt x="2616105" y="4038923"/>
                  </a:cubicBezTo>
                  <a:cubicBezTo>
                    <a:pt x="1049359" y="3415209"/>
                    <a:pt x="75888" y="2136744"/>
                    <a:pt x="340295" y="447642"/>
                  </a:cubicBezTo>
                  <a:close/>
                </a:path>
              </a:pathLst>
            </a:custGeom>
            <a:solidFill>
              <a:srgbClr val="498DC1"/>
            </a:solidFill>
            <a:ln w="5963" cap="flat">
              <a:noFill/>
              <a:prstDash val="solid"/>
              <a:miter/>
            </a:ln>
          </p:spPr>
          <p:txBody>
            <a:bodyPr rtlCol="0" anchor="ctr"/>
            <a:lstStyle/>
            <a:p>
              <a:endParaRPr lang="en-US" dirty="0"/>
            </a:p>
          </p:txBody>
        </p:sp>
      </p:grpSp>
      <p:sp>
        <p:nvSpPr>
          <p:cNvPr id="38" name="Text Placeholder 5">
            <a:extLst>
              <a:ext uri="{FF2B5EF4-FFF2-40B4-BE49-F238E27FC236}">
                <a16:creationId xmlns:a16="http://schemas.microsoft.com/office/drawing/2014/main" id="{C01C3626-3D7B-9B0A-8262-58DB0AF5F811}"/>
              </a:ext>
            </a:extLst>
          </p:cNvPr>
          <p:cNvSpPr txBox="1">
            <a:spLocks/>
          </p:cNvSpPr>
          <p:nvPr/>
        </p:nvSpPr>
        <p:spPr>
          <a:xfrm>
            <a:off x="5355837"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2</a:t>
            </a:r>
          </a:p>
        </p:txBody>
      </p:sp>
      <p:sp>
        <p:nvSpPr>
          <p:cNvPr id="39" name="Text Placeholder 5">
            <a:extLst>
              <a:ext uri="{FF2B5EF4-FFF2-40B4-BE49-F238E27FC236}">
                <a16:creationId xmlns:a16="http://schemas.microsoft.com/office/drawing/2014/main" id="{BA471C7D-76CD-B897-BA0B-86AEA3E10383}"/>
              </a:ext>
            </a:extLst>
          </p:cNvPr>
          <p:cNvSpPr txBox="1">
            <a:spLocks/>
          </p:cNvSpPr>
          <p:nvPr/>
        </p:nvSpPr>
        <p:spPr>
          <a:xfrm>
            <a:off x="8130372"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3</a:t>
            </a:r>
          </a:p>
        </p:txBody>
      </p:sp>
      <p:sp>
        <p:nvSpPr>
          <p:cNvPr id="40" name="Text Placeholder 5">
            <a:extLst>
              <a:ext uri="{FF2B5EF4-FFF2-40B4-BE49-F238E27FC236}">
                <a16:creationId xmlns:a16="http://schemas.microsoft.com/office/drawing/2014/main" id="{133381A5-3342-36F0-A0C3-5BC98B1403F9}"/>
              </a:ext>
            </a:extLst>
          </p:cNvPr>
          <p:cNvSpPr txBox="1">
            <a:spLocks/>
          </p:cNvSpPr>
          <p:nvPr/>
        </p:nvSpPr>
        <p:spPr>
          <a:xfrm>
            <a:off x="10881240" y="3798028"/>
            <a:ext cx="354691" cy="430510"/>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sz="2400" b="0" dirty="0">
                <a:solidFill>
                  <a:schemeClr val="accent1"/>
                </a:solidFill>
                <a:latin typeface="+mj-lt"/>
              </a:rPr>
              <a:t>4</a:t>
            </a:r>
          </a:p>
        </p:txBody>
      </p:sp>
      <p:sp>
        <p:nvSpPr>
          <p:cNvPr id="42" name="Text Placeholder 5">
            <a:extLst>
              <a:ext uri="{FF2B5EF4-FFF2-40B4-BE49-F238E27FC236}">
                <a16:creationId xmlns:a16="http://schemas.microsoft.com/office/drawing/2014/main" id="{32B023FF-FDBA-292C-788E-EE40A3846281}"/>
              </a:ext>
            </a:extLst>
          </p:cNvPr>
          <p:cNvSpPr txBox="1">
            <a:spLocks/>
          </p:cNvSpPr>
          <p:nvPr/>
        </p:nvSpPr>
        <p:spPr>
          <a:xfrm>
            <a:off x="3541256" y="4800484"/>
            <a:ext cx="2357011"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Establish Penn Medicine as the nation’s most environmentally-friendly health care organization</a:t>
            </a:r>
          </a:p>
        </p:txBody>
      </p:sp>
      <p:sp>
        <p:nvSpPr>
          <p:cNvPr id="2" name="Text Placeholder 5">
            <a:extLst>
              <a:ext uri="{FF2B5EF4-FFF2-40B4-BE49-F238E27FC236}">
                <a16:creationId xmlns:a16="http://schemas.microsoft.com/office/drawing/2014/main" id="{AC5312FC-C9E1-1756-BA53-CD19889B6505}"/>
              </a:ext>
            </a:extLst>
          </p:cNvPr>
          <p:cNvSpPr txBox="1">
            <a:spLocks/>
          </p:cNvSpPr>
          <p:nvPr/>
        </p:nvSpPr>
        <p:spPr>
          <a:xfrm>
            <a:off x="6308840" y="4800484"/>
            <a:ext cx="2357011" cy="852486"/>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pPr lvl="5" algn="ctr"/>
            <a:r>
              <a:rPr lang="en-US" dirty="0">
                <a:solidFill>
                  <a:schemeClr val="accent1"/>
                </a:solidFill>
                <a:latin typeface="+mj-lt"/>
              </a:rPr>
              <a:t>Reduce the workplace and life burdens that impede employee wellness</a:t>
            </a:r>
          </a:p>
        </p:txBody>
      </p:sp>
      <p:sp>
        <p:nvSpPr>
          <p:cNvPr id="4" name="Text Placeholder 5">
            <a:extLst>
              <a:ext uri="{FF2B5EF4-FFF2-40B4-BE49-F238E27FC236}">
                <a16:creationId xmlns:a16="http://schemas.microsoft.com/office/drawing/2014/main" id="{EDB32B0A-B6A8-CF1E-53F4-812D332C7E45}"/>
              </a:ext>
            </a:extLst>
          </p:cNvPr>
          <p:cNvSpPr txBox="1">
            <a:spLocks/>
          </p:cNvSpPr>
          <p:nvPr/>
        </p:nvSpPr>
        <p:spPr>
          <a:xfrm>
            <a:off x="728661" y="2215989"/>
            <a:ext cx="4260852" cy="937889"/>
          </a:xfrm>
          <a:prstGeom prst="rect">
            <a:avLst/>
          </a:prstGeom>
        </p:spPr>
        <p:txBody>
          <a:bodyPr vert="horz" lIns="0" tIns="0" rIns="0" bIns="0" rtlCol="0">
            <a:noAutofit/>
          </a:bodyPr>
          <a:lstStyle>
            <a:lvl1pPr marL="0" marR="0" indent="0" algn="l" defTabSz="914400" rtl="0" eaLnBrk="1" fontAlgn="auto" latinLnBrk="0" hangingPunct="1">
              <a:lnSpc>
                <a:spcPct val="100000"/>
              </a:lnSpc>
              <a:spcBef>
                <a:spcPts val="250"/>
              </a:spcBef>
              <a:spcAft>
                <a:spcPts val="0"/>
              </a:spcAft>
              <a:buClr>
                <a:schemeClr val="accent3"/>
              </a:buClr>
              <a:buSzTx/>
              <a:buFontTx/>
              <a:buNone/>
              <a:tabLst/>
              <a:defRPr sz="1400" kern="1200">
                <a:solidFill>
                  <a:schemeClr val="accent1"/>
                </a:solidFill>
                <a:latin typeface="+mj-lt"/>
                <a:ea typeface="+mn-ea"/>
                <a:cs typeface="+mn-cs"/>
              </a:defRPr>
            </a:lvl1pPr>
            <a:lvl2pPr marL="0" indent="-137160" algn="l" defTabSz="914400" rtl="0" eaLnBrk="1" latinLnBrk="0" hangingPunct="0">
              <a:lnSpc>
                <a:spcPct val="100000"/>
              </a:lnSpc>
              <a:spcBef>
                <a:spcPts val="400"/>
              </a:spcBef>
              <a:spcAft>
                <a:spcPts val="100"/>
              </a:spcAft>
              <a:buClr>
                <a:schemeClr val="accent3"/>
              </a:buClr>
              <a:buFont typeface="Arial" panose="020B0604020202020204" pitchFamily="34" charset="0"/>
              <a:buChar char="•"/>
              <a:tabLst/>
              <a:defRPr sz="1400" kern="1200" baseline="0">
                <a:solidFill>
                  <a:schemeClr val="accent1"/>
                </a:solidFill>
                <a:latin typeface="+mj-lt"/>
                <a:ea typeface="+mn-ea"/>
                <a:cs typeface="+mn-cs"/>
              </a:defRPr>
            </a:lvl2pPr>
            <a:lvl3pPr marL="320040" indent="-182880" algn="l" defTabSz="914400" rtl="0" eaLnBrk="1" latinLnBrk="0" hangingPunct="1">
              <a:lnSpc>
                <a:spcPct val="90000"/>
              </a:lnSpc>
              <a:spcBef>
                <a:spcPts val="400"/>
              </a:spcBef>
              <a:spcAft>
                <a:spcPts val="200"/>
              </a:spcAft>
              <a:buClr>
                <a:schemeClr val="accent1"/>
              </a:buClr>
              <a:buFont typeface="System Font Regular"/>
              <a:buChar char="—"/>
              <a:defRPr sz="1250" kern="1200" baseline="0">
                <a:solidFill>
                  <a:schemeClr val="accent1"/>
                </a:solidFill>
                <a:latin typeface="+mj-lt"/>
                <a:ea typeface="+mn-ea"/>
                <a:cs typeface="+mn-cs"/>
              </a:defRPr>
            </a:lvl3pPr>
            <a:lvl4pPr marL="502920" marR="0" indent="-182880" algn="l" defTabSz="914400" rtl="0" eaLnBrk="1" fontAlgn="auto" latinLnBrk="0" hangingPunct="1">
              <a:lnSpc>
                <a:spcPct val="100000"/>
              </a:lnSpc>
              <a:spcBef>
                <a:spcPts val="100"/>
              </a:spcBef>
              <a:spcAft>
                <a:spcPts val="300"/>
              </a:spcAft>
              <a:buClr>
                <a:srgbClr val="9EC3E1"/>
              </a:buClr>
              <a:buSzTx/>
              <a:buFont typeface="Courier New" panose="02070309020205020404" pitchFamily="49" charset="0"/>
              <a:buChar char="o"/>
              <a:tabLst/>
              <a:defRPr sz="1250" b="0" i="0" kern="0" cap="none" spc="0" baseline="0">
                <a:solidFill>
                  <a:schemeClr val="accent1"/>
                </a:solidFill>
                <a:latin typeface="+mj-lt"/>
                <a:ea typeface="+mn-ea"/>
                <a:cs typeface="+mn-cs"/>
              </a:defRPr>
            </a:lvl4pPr>
            <a:lvl5pPr marL="0" indent="0" algn="l" defTabSz="914400" rtl="0" eaLnBrk="1" latinLnBrk="0" hangingPunct="1">
              <a:lnSpc>
                <a:spcPct val="100000"/>
              </a:lnSpc>
              <a:spcBef>
                <a:spcPts val="1200"/>
              </a:spcBef>
              <a:spcAft>
                <a:spcPts val="300"/>
              </a:spcAft>
              <a:buFont typeface="Calibri Light" panose="020F0302020204030204" pitchFamily="34" charset="0"/>
              <a:buChar char="​"/>
              <a:tabLst/>
              <a:defRPr sz="1800" b="1" i="0" kern="1200" cap="all" spc="200" baseline="0">
                <a:solidFill>
                  <a:schemeClr val="accent2"/>
                </a:solidFill>
                <a:latin typeface="+mn-lt"/>
                <a:ea typeface="+mn-ea"/>
                <a:cs typeface="+mn-cs"/>
              </a:defRPr>
            </a:lvl5pPr>
            <a:lvl6pPr marL="0" marR="0" indent="0" algn="l" defTabSz="914400" rtl="0" eaLnBrk="1" fontAlgn="auto" latinLnBrk="0" hangingPunct="1">
              <a:lnSpc>
                <a:spcPct val="100000"/>
              </a:lnSpc>
              <a:spcBef>
                <a:spcPts val="1200"/>
              </a:spcBef>
              <a:spcAft>
                <a:spcPts val="0"/>
              </a:spcAft>
              <a:buClrTx/>
              <a:buSzTx/>
              <a:buFont typeface="Berlingske Serif Text Office"/>
              <a:buNone/>
              <a:tabLst/>
              <a:defRPr sz="1700" b="1" kern="1200" cap="none" spc="0" baseline="0">
                <a:solidFill>
                  <a:schemeClr val="accent3"/>
                </a:solidFill>
                <a:latin typeface="+mn-lt"/>
                <a:ea typeface="+mn-ea"/>
                <a:cs typeface="+mn-cs"/>
              </a:defRPr>
            </a:lvl6pPr>
            <a:lvl7pPr marL="0" marR="0" indent="0" algn="l" defTabSz="914400" rtl="0" eaLnBrk="1" fontAlgn="auto" latinLnBrk="0" hangingPunct="1">
              <a:lnSpc>
                <a:spcPct val="90000"/>
              </a:lnSpc>
              <a:spcBef>
                <a:spcPts val="1200"/>
              </a:spcBef>
              <a:spcAft>
                <a:spcPts val="0"/>
              </a:spcAft>
              <a:buClrTx/>
              <a:buSzTx/>
              <a:buFont typeface="Calibri Light" panose="020F0302020204030204" pitchFamily="34" charset="0"/>
              <a:buChar char="​"/>
              <a:tabLst/>
              <a:defRPr sz="1400" b="1" i="0" kern="1200" cap="all" spc="180" baseline="0">
                <a:solidFill>
                  <a:schemeClr val="accent1"/>
                </a:solidFill>
                <a:latin typeface="+mn-lt"/>
                <a:ea typeface="+mn-ea"/>
                <a:cs typeface="+mn-cs"/>
              </a:defRPr>
            </a:lvl7pPr>
            <a:lvl8pPr marL="0" marR="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sz="1400" b="1" i="0" kern="1200" spc="0" baseline="0">
                <a:solidFill>
                  <a:srgbClr val="990000"/>
                </a:solidFill>
                <a:latin typeface="+mn-lt"/>
                <a:ea typeface="+mn-ea"/>
                <a:cs typeface="+mn-cs"/>
              </a:defRPr>
            </a:lvl8pPr>
            <a:lvl9pPr marL="0" indent="0" algn="l" defTabSz="914400" rtl="0" eaLnBrk="1" latinLnBrk="0" hangingPunct="1">
              <a:lnSpc>
                <a:spcPct val="74000"/>
              </a:lnSpc>
              <a:spcBef>
                <a:spcPts val="300"/>
              </a:spcBef>
              <a:spcAft>
                <a:spcPts val="300"/>
              </a:spcAft>
              <a:buFont typeface="Calibri Light" panose="020F0302020204030204" pitchFamily="34" charset="0"/>
              <a:buChar char="​"/>
              <a:defRPr sz="1100" kern="1200" cap="none" baseline="0">
                <a:solidFill>
                  <a:schemeClr val="accent1"/>
                </a:solidFill>
                <a:latin typeface="+mn-lt"/>
                <a:ea typeface="+mn-ea"/>
                <a:cs typeface="+mn-cs"/>
              </a:defRPr>
            </a:lvl9pPr>
          </a:lstStyle>
          <a:p>
            <a:r>
              <a:rPr lang="en-US" dirty="0">
                <a:solidFill>
                  <a:schemeClr val="accent2"/>
                </a:solidFill>
                <a:effectLst/>
              </a:rPr>
              <a:t>We live here. We will improve our community, improve the lives of our students and staff, and improve the natural environment.</a:t>
            </a:r>
          </a:p>
        </p:txBody>
      </p:sp>
      <p:pic>
        <p:nvPicPr>
          <p:cNvPr id="16" name="Picture 15" descr="A black background with blue and red text&#10;&#10;Description automatically generated">
            <a:extLst>
              <a:ext uri="{FF2B5EF4-FFF2-40B4-BE49-F238E27FC236}">
                <a16:creationId xmlns:a16="http://schemas.microsoft.com/office/drawing/2014/main" id="{AC1EEE90-C7DA-F3DE-8688-B3CCCC666F92}"/>
              </a:ext>
            </a:extLst>
          </p:cNvPr>
          <p:cNvPicPr>
            <a:picLocks noChangeAspect="1"/>
          </p:cNvPicPr>
          <p:nvPr/>
        </p:nvPicPr>
        <p:blipFill rotWithShape="1">
          <a:blip r:embed="rId6">
            <a:extLst>
              <a:ext uri="{28A0092B-C50C-407E-A947-70E740481C1C}">
                <a14:useLocalDpi xmlns:a14="http://schemas.microsoft.com/office/drawing/2010/main"/>
              </a:ext>
            </a:extLst>
          </a:blip>
          <a:srcRect/>
          <a:stretch/>
        </p:blipFill>
        <p:spPr>
          <a:xfrm>
            <a:off x="632765" y="856067"/>
            <a:ext cx="5678891" cy="1069161"/>
          </a:xfrm>
          <a:prstGeom prst="rect">
            <a:avLst/>
          </a:prstGeom>
        </p:spPr>
      </p:pic>
    </p:spTree>
    <p:custDataLst>
      <p:custData r:id="rId1"/>
      <p:custData r:id="rId2"/>
    </p:custDataLst>
    <p:extLst>
      <p:ext uri="{BB962C8B-B14F-4D97-AF65-F5344CB8AC3E}">
        <p14:creationId xmlns:p14="http://schemas.microsoft.com/office/powerpoint/2010/main" val="3521211350"/>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STERTOPMARGIN" val="134.9291"/>
  <p:tag name="CUSTMASTERTOPMARGIN" val="134.9291"/>
  <p:tag name="GUIDESAPPLIEDTO" val="2"/>
  <p:tag name="TITLETOPMARGIN" val="56.6929"/>
  <p:tag name="TITLEBOTTOMMARGIN" val="128.126"/>
  <p:tag name="MAXCOLS" val="12"/>
  <p:tag name="MAXROWS" val="6"/>
  <p:tag name="MAXGUTTERROW" val="1 cm"/>
  <p:tag name="MAXGUTTERCOL" val="1 cm"/>
  <p:tag name="GUIDEMETRICUNIT" val="cm"/>
  <p:tag name="MASTERLEFTMARGIN" val="56.6929"/>
  <p:tag name="MASTERBOTTOMMARGIN" val="56.693"/>
  <p:tag name="MASTERRIGHTMARGIN" val="56.6929"/>
  <p:tag name="CUSTMASTERLEFTMARGIN" val="56.6929"/>
  <p:tag name="CUSTMASTERBOTTOMMARGIN" val="56.693"/>
  <p:tag name="CUSTMASTERRIGHTMARGIN" val="56.6929"/>
</p:tagLst>
</file>

<file path=ppt/tags/tag1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ROWS" val="1"/>
  <p:tag name="MASTERTOPMARGIN" val="134.9291"/>
  <p:tag name="GUIDECOLS" val="12"/>
  <p:tag name="GUTTERCOL" val="1 cm"/>
  <p:tag name="GUTTERROW" val="1 cm"/>
  <p:tag name="MASTERLEFTMARGIN" val="56.6929"/>
  <p:tag name="MASTERRIGHTMARGIN" val="56.6929"/>
  <p:tag name="MASTERBOTTOMMARGIN" val="56.6929"/>
</p:tagLst>
</file>

<file path=ppt/tags/tag4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GUIDECOLS" val="12"/>
  <p:tag name="GUIDEROWS" val="1"/>
  <p:tag name="GUTTERCOL" val="1 cm"/>
  <p:tag name="GUTTERROW" val="1 cm"/>
  <p:tag name="GUIDESAPPLIEDTO" val="2"/>
  <p:tag name="MASTERBOTTOMMARGIN" val="56.693"/>
</p:tagLst>
</file>

<file path=ppt/tags/tag5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heme/theme1.xml><?xml version="1.0" encoding="utf-8"?>
<a:theme xmlns:a="http://schemas.openxmlformats.org/drawingml/2006/main" name="Office Theme">
  <a:themeElements>
    <a:clrScheme name="_Penn Medicines">
      <a:dk1>
        <a:srgbClr val="000000"/>
      </a:dk1>
      <a:lt1>
        <a:srgbClr val="FFFFFF"/>
      </a:lt1>
      <a:dk2>
        <a:srgbClr val="001D5B"/>
      </a:dk2>
      <a:lt2>
        <a:srgbClr val="FFFFFF"/>
      </a:lt2>
      <a:accent1>
        <a:srgbClr val="011F5B"/>
      </a:accent1>
      <a:accent2>
        <a:srgbClr val="085296"/>
      </a:accent2>
      <a:accent3>
        <a:srgbClr val="3C86C3"/>
      </a:accent3>
      <a:accent4>
        <a:srgbClr val="6B6C6E"/>
      </a:accent4>
      <a:accent5>
        <a:srgbClr val="C8CAC9"/>
      </a:accent5>
      <a:accent6>
        <a:srgbClr val="EAEAEA"/>
      </a:accent6>
      <a:hlink>
        <a:srgbClr val="3C86C3"/>
      </a:hlink>
      <a:folHlink>
        <a:srgbClr val="C9CBC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36000" rIns="72000" bIns="36000" rtlCol="0" anchor="ctr"/>
      <a:lstStyle>
        <a:defPPr algn="ctr">
          <a:defRPr sz="1600" dirty="0" err="1" smtClean="0">
            <a:latin typeface="+mj-lt"/>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1600" dirty="0" err="1" smtClean="0">
            <a:solidFill>
              <a:schemeClr val="accent1"/>
            </a:solidFill>
            <a:latin typeface="+mj-lt"/>
          </a:defRPr>
        </a:defPPr>
      </a:lstStyle>
    </a:txDef>
  </a:objectDefaults>
  <a:extraClrSchemeLst/>
  <a:custClrLst>
    <a:custClr name="RGB( 153, 0, 0)">
      <a:srgbClr val="990000"/>
    </a:custClr>
    <a:custClr name="RGB( 158, 195, 225)">
      <a:srgbClr val="9EC3E1"/>
    </a:custClr>
    <a:custClr name="RGB( 13, 29, 55)">
      <a:srgbClr val="0D1D37"/>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RGB( 184, 204, 63)">
      <a:srgbClr val="B9CC3F"/>
    </a:custClr>
    <a:custClr name="RGB( 56, 155, 171)">
      <a:srgbClr val="389BAB"/>
    </a:custClr>
    <a:custClr name="RGB( 231, 121, 71)">
      <a:srgbClr val="E77947"/>
    </a:custClr>
    <a:custClr name="RGB( 96,66, 118)">
      <a:srgbClr val="604276"/>
    </a:custClr>
    <a:custClr name="RGB( 241, 186, 63)">
      <a:srgbClr val="F1BA3F"/>
    </a:custClr>
    <a:custClr name="RGB( 203, 93, 131)">
      <a:srgbClr val="CB5D83"/>
    </a:custClr>
    <a:custClr name="Blank">
      <a:srgbClr val="FFFFFF"/>
    </a:custClr>
    <a:custClr name="Blank">
      <a:srgbClr val="FFFFFF"/>
    </a:custClr>
    <a:custClr name="Blank">
      <a:srgbClr val="FFFFFF"/>
    </a:custClr>
    <a:custClr name="Blank">
      <a:srgbClr val="FFFFFF"/>
    </a:custClr>
    <a:custClr name="RGB( 0, 175, 114)">
      <a:srgbClr val="00AF72"/>
    </a:custClr>
    <a:custClr name="RGB( 0, 96, 118)">
      <a:srgbClr val="006076"/>
    </a:custClr>
    <a:custClr name="RGB( 249, 165, 78)">
      <a:srgbClr val="F9A54E"/>
    </a:custClr>
    <a:custClr name="RGB( 63, 21, 84)">
      <a:srgbClr val="3F1554"/>
    </a:custClr>
    <a:custClr name="RGB( 250, 222, 91)">
      <a:srgbClr val="FADE5B"/>
    </a:custClr>
    <a:custClr name="RGB( 160, 53, 112)">
      <a:srgbClr val="A03570"/>
    </a:custClr>
    <a:custClr name="Blank">
      <a:srgbClr val="FFFFFF"/>
    </a:custClr>
    <a:custClr name="Blank">
      <a:srgbClr val="FFFFFF"/>
    </a:custClr>
    <a:custClr name="Blank">
      <a:srgbClr val="FFFFFF"/>
    </a:custClr>
    <a:custClr name="Blank">
      <a:srgbClr val="FFFFFF"/>
    </a:custClr>
  </a:custClrLst>
  <a:extLst>
    <a:ext uri="{05A4C25C-085E-4340-85A3-A5531E510DB2}">
      <thm15:themeFamily xmlns:thm15="http://schemas.microsoft.com/office/thememl/2012/main" name="Dynamic Presentation.potx" id="{E5FB424D-E745-434F-9CC1-46CC19E2E9A1}" vid="{34240860-933F-4D63-B27C-16F6D1EF1BF1}"/>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0">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1D1460F0-DF0D-2246-B2E2-B3E8DDDCA266}">
  <we:reference id="d2164860-9689-45e3-a1e5-90c76032056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638041389512649770","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1,"isValidatorEnabled":false,"isLocked":false,"elementsMetadata":[],"slideId":"638267709037532344","enableDocumentContentUpdater":false,"version":"2.0"}]]></TemplafySlideTemplateConfiguration>
</file>

<file path=customXml/item17.xml><?xml version="1.0" encoding="utf-8"?>
<TemplafySlideTemplateConfiguration><![CDATA[{"slideVersion":2,"isValidatorEnabled":false,"isLocked":false,"elementsMetadata":[],"slideId":"638043793772443259","enableDocumentContentUpdater":false,"version":"2.0"}]]></TemplafySlideTemplateConfiguration>
</file>

<file path=customXml/item18.xml><?xml version="1.0" encoding="utf-8"?>
<TemplafySlideTemplateConfiguration><![CDATA[{"slideVersion":1,"isValidatorEnabled":false,"isLocked":false,"elementsMetadata":[],"slideId":"638041389512649770","enableDocumentContentUpdater":false,"version":"2.0"}]]></TemplafySlideTemplateConfiguration>
</file>

<file path=customXml/item19.xml><?xml version="1.0" encoding="utf-8"?>
<TemplafySlideTemplateConfiguration><![CDATA[{"slideVersion":1,"isValidatorEnabled":false,"isLocked":false,"elementsMetadata":[],"slideId":"638267709037556087","enableDocumentContentUpdater":false,"version":"2.0"}]]></TemplafySlideTemplateConfiguration>
</file>

<file path=customXml/item2.xml><?xml version="1.0" encoding="utf-8"?>
<TemplafySlideFormConfiguration><![CDATA[{"formFields":[],"formDataEntries":[]}]]></TemplafySlideFormConfiguration>
</file>

<file path=customXml/item20.xml><?xml version="1.0" encoding="utf-8"?>
<TemplafySlideTemplateConfiguration><![CDATA[{"slideVersion":1,"isValidatorEnabled":false,"isLocked":false,"elementsMetadata":[],"slideId":"638041389512649770","enableDocumentContentUpdater":false,"version":"2.0"}]]></TemplafySlideTemplateConfiguration>
</file>

<file path=customXml/item21.xml><?xml version="1.0" encoding="utf-8"?>
<TemplafySlideFormConfiguration><![CDATA[{"formFields":[],"formDataEntries":[]}]]></TemplafySlideFormConfiguration>
</file>

<file path=customXml/item22.xml><?xml version="1.0" encoding="utf-8"?>
<TemplafyTemplateConfiguration><![CDATA[{"elementsMetadata":[],"transformationConfigurations":[],"templateName":"Penn Medicine Blank Template","templateDescription":"","enableDocumentContentUpdater":false,"version":"2.0"}]]></TemplafyTemplateConfiguration>
</file>

<file path=customXml/item3.xml><?xml version="1.0" encoding="utf-8"?>
<TemplafySlideTemplateConfiguration><![CDATA[{"slideVersion":1,"isValidatorEnabled":false,"isLocked":false,"elementsMetadata":[],"slideId":"638041389511278956","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TemplateConfiguration><![CDATA[{"slideVersion":1,"isValidatorEnabled":false,"isLocked":false,"elementsMetadata":[],"slideId":"638041389512649770","enableDocumentContentUpdater":false,"version":"2.0"}]]></TemplafySlideTemplateConfiguration>
</file>

<file path=customXml/item6.xml><?xml version="1.0" encoding="utf-8"?>
<TemplafySlideTemplateConfiguration><![CDATA[{"slideVersion":1,"isValidatorEnabled":false,"isLocked":false,"elementsMetadata":[],"slideId":"638101838667310226","enableDocumentContentUpdater":false,"version":"2.0"}]]></TemplafySlideTemplateConfiguration>
</file>

<file path=customXml/item7.xml><?xml version="1.0" encoding="utf-8"?>
<TemplafyFormConfiguration><![CDATA[{"formFields":[],"formDataEntries":[]}]]></Templafy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8041389512649770","enableDocumentContentUpdater":false,"version":"2.0"}]]></TemplafySlideTemplateConfiguration>
</file>

<file path=customXml/itemProps1.xml><?xml version="1.0" encoding="utf-8"?>
<ds:datastoreItem xmlns:ds="http://schemas.openxmlformats.org/officeDocument/2006/customXml" ds:itemID="{B1C9A1B6-CC03-458E-AEED-603263E99BBF}">
  <ds:schemaRefs/>
</ds:datastoreItem>
</file>

<file path=customXml/itemProps10.xml><?xml version="1.0" encoding="utf-8"?>
<ds:datastoreItem xmlns:ds="http://schemas.openxmlformats.org/officeDocument/2006/customXml" ds:itemID="{E1047A97-116C-C14F-943B-10311A37C268}">
  <ds:schemaRefs/>
</ds:datastoreItem>
</file>

<file path=customXml/itemProps11.xml><?xml version="1.0" encoding="utf-8"?>
<ds:datastoreItem xmlns:ds="http://schemas.openxmlformats.org/officeDocument/2006/customXml" ds:itemID="{232EAAC7-C685-B54C-83C9-2AD221975B50}">
  <ds:schemaRefs/>
</ds:datastoreItem>
</file>

<file path=customXml/itemProps12.xml><?xml version="1.0" encoding="utf-8"?>
<ds:datastoreItem xmlns:ds="http://schemas.openxmlformats.org/officeDocument/2006/customXml" ds:itemID="{6D531150-7ABE-4F2C-AC78-16776E28B044}">
  <ds:schemaRefs/>
</ds:datastoreItem>
</file>

<file path=customXml/itemProps13.xml><?xml version="1.0" encoding="utf-8"?>
<ds:datastoreItem xmlns:ds="http://schemas.openxmlformats.org/officeDocument/2006/customXml" ds:itemID="{11D760FD-D9D9-704E-85FC-969D36289651}">
  <ds:schemaRefs/>
</ds:datastoreItem>
</file>

<file path=customXml/itemProps14.xml><?xml version="1.0" encoding="utf-8"?>
<ds:datastoreItem xmlns:ds="http://schemas.openxmlformats.org/officeDocument/2006/customXml" ds:itemID="{1B8B2C9A-0FDB-CF4A-995E-1DF2AAA2EF5C}">
  <ds:schemaRefs/>
</ds:datastoreItem>
</file>

<file path=customXml/itemProps15.xml><?xml version="1.0" encoding="utf-8"?>
<ds:datastoreItem xmlns:ds="http://schemas.openxmlformats.org/officeDocument/2006/customXml" ds:itemID="{DBC54D4F-31D9-FC4A-9FB3-58AEDB72E965}">
  <ds:schemaRefs/>
</ds:datastoreItem>
</file>

<file path=customXml/itemProps16.xml><?xml version="1.0" encoding="utf-8"?>
<ds:datastoreItem xmlns:ds="http://schemas.openxmlformats.org/officeDocument/2006/customXml" ds:itemID="{1D408EA2-F0ED-F147-B7E3-4B8B4AAFBA80}">
  <ds:schemaRefs/>
</ds:datastoreItem>
</file>

<file path=customXml/itemProps17.xml><?xml version="1.0" encoding="utf-8"?>
<ds:datastoreItem xmlns:ds="http://schemas.openxmlformats.org/officeDocument/2006/customXml" ds:itemID="{21A31F08-472E-F044-8C71-64B27B072BF6}">
  <ds:schemaRefs/>
</ds:datastoreItem>
</file>

<file path=customXml/itemProps18.xml><?xml version="1.0" encoding="utf-8"?>
<ds:datastoreItem xmlns:ds="http://schemas.openxmlformats.org/officeDocument/2006/customXml" ds:itemID="{2E611501-8A56-8E46-AC22-C88FA2FE57E4}">
  <ds:schemaRefs/>
</ds:datastoreItem>
</file>

<file path=customXml/itemProps19.xml><?xml version="1.0" encoding="utf-8"?>
<ds:datastoreItem xmlns:ds="http://schemas.openxmlformats.org/officeDocument/2006/customXml" ds:itemID="{DA23AE2C-A190-4174-B097-9D9955B5C0C6}">
  <ds:schemaRefs/>
</ds:datastoreItem>
</file>

<file path=customXml/itemProps2.xml><?xml version="1.0" encoding="utf-8"?>
<ds:datastoreItem xmlns:ds="http://schemas.openxmlformats.org/officeDocument/2006/customXml" ds:itemID="{4C8112F6-66C1-C84E-8F4E-50542865BC6C}">
  <ds:schemaRefs/>
</ds:datastoreItem>
</file>

<file path=customXml/itemProps20.xml><?xml version="1.0" encoding="utf-8"?>
<ds:datastoreItem xmlns:ds="http://schemas.openxmlformats.org/officeDocument/2006/customXml" ds:itemID="{A59B8151-01F2-A74A-A739-C1AF69CCA36F}">
  <ds:schemaRefs/>
</ds:datastoreItem>
</file>

<file path=customXml/itemProps21.xml><?xml version="1.0" encoding="utf-8"?>
<ds:datastoreItem xmlns:ds="http://schemas.openxmlformats.org/officeDocument/2006/customXml" ds:itemID="{F7534909-D11D-4612-A2C4-5ACA2F28971B}">
  <ds:schemaRefs/>
</ds:datastoreItem>
</file>

<file path=customXml/itemProps22.xml><?xml version="1.0" encoding="utf-8"?>
<ds:datastoreItem xmlns:ds="http://schemas.openxmlformats.org/officeDocument/2006/customXml" ds:itemID="{E08E1AA8-79EB-4246-A80D-4D5CC9ABC286}">
  <ds:schemaRefs/>
</ds:datastoreItem>
</file>

<file path=customXml/itemProps3.xml><?xml version="1.0" encoding="utf-8"?>
<ds:datastoreItem xmlns:ds="http://schemas.openxmlformats.org/officeDocument/2006/customXml" ds:itemID="{1A0BD80B-1365-4BDD-8307-D65BE29E9E41}">
  <ds:schemaRefs/>
</ds:datastoreItem>
</file>

<file path=customXml/itemProps4.xml><?xml version="1.0" encoding="utf-8"?>
<ds:datastoreItem xmlns:ds="http://schemas.openxmlformats.org/officeDocument/2006/customXml" ds:itemID="{3ABD6E4B-D018-3642-AA4A-F72E4B61E585}">
  <ds:schemaRefs/>
</ds:datastoreItem>
</file>

<file path=customXml/itemProps5.xml><?xml version="1.0" encoding="utf-8"?>
<ds:datastoreItem xmlns:ds="http://schemas.openxmlformats.org/officeDocument/2006/customXml" ds:itemID="{4E781C88-5DED-0641-AAC9-EF4ADD4769E2}">
  <ds:schemaRefs/>
</ds:datastoreItem>
</file>

<file path=customXml/itemProps6.xml><?xml version="1.0" encoding="utf-8"?>
<ds:datastoreItem xmlns:ds="http://schemas.openxmlformats.org/officeDocument/2006/customXml" ds:itemID="{B3E41AAF-CCA6-4EE1-807D-6EEBF93C6516}">
  <ds:schemaRefs/>
</ds:datastoreItem>
</file>

<file path=customXml/itemProps7.xml><?xml version="1.0" encoding="utf-8"?>
<ds:datastoreItem xmlns:ds="http://schemas.openxmlformats.org/officeDocument/2006/customXml" ds:itemID="{B7CA58D8-1826-4562-AF23-DF01716946CF}">
  <ds:schemaRefs/>
</ds:datastoreItem>
</file>

<file path=customXml/itemProps8.xml><?xml version="1.0" encoding="utf-8"?>
<ds:datastoreItem xmlns:ds="http://schemas.openxmlformats.org/officeDocument/2006/customXml" ds:itemID="{0B06C3C2-6E4A-7242-AE52-454BA177B2B4}">
  <ds:schemaRefs/>
</ds:datastoreItem>
</file>

<file path=customXml/itemProps9.xml><?xml version="1.0" encoding="utf-8"?>
<ds:datastoreItem xmlns:ds="http://schemas.openxmlformats.org/officeDocument/2006/customXml" ds:itemID="{19DC3D5E-6C0E-654B-81CB-24C4F515289D}">
  <ds:schemaRefs/>
</ds:datastoreItem>
</file>

<file path=docProps/app.xml><?xml version="1.0" encoding="utf-8"?>
<Properties xmlns="http://schemas.openxmlformats.org/officeDocument/2006/extended-properties" xmlns:vt="http://schemas.openxmlformats.org/officeDocument/2006/docPropsVTypes">
  <Template/>
  <TotalTime>4877</TotalTime>
  <Words>1293</Words>
  <Application>Microsoft Office PowerPoint</Application>
  <PresentationFormat>Widescreen</PresentationFormat>
  <Paragraphs>161</Paragraphs>
  <Slides>15</Slides>
  <Notes>9</Notes>
  <HiddenSlides>0</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15</vt:i4>
      </vt:variant>
    </vt:vector>
  </HeadingPairs>
  <TitlesOfParts>
    <vt:vector size="22" baseType="lpstr">
      <vt:lpstr>Arial</vt:lpstr>
      <vt:lpstr>Berlingske Serif Text Office</vt:lpstr>
      <vt:lpstr>Calibri</vt:lpstr>
      <vt:lpstr>Calibri Light</vt:lpstr>
      <vt:lpstr>Courier New</vt:lpstr>
      <vt:lpstr>Wingdings</vt:lpstr>
      <vt:lpstr>Office Theme</vt:lpstr>
      <vt:lpstr>PowerPoint Presentation</vt:lpstr>
      <vt:lpstr>Serving a Changing World</vt:lpstr>
      <vt:lpstr>Why a Strategic Plan?</vt:lpstr>
      <vt:lpstr>A Bold Vision for a Bright Future</vt:lpstr>
      <vt:lpstr>PowerPoint Presentation</vt:lpstr>
      <vt:lpstr>PowerPoint Presentation</vt:lpstr>
      <vt:lpstr>PowerPoint Presentation</vt:lpstr>
      <vt:lpstr>PowerPoint Presentation</vt:lpstr>
      <vt:lpstr>PowerPoint Presentation</vt:lpstr>
      <vt:lpstr>Learning and Living the Plan</vt:lpstr>
      <vt:lpstr>Learning and Living the Plan</vt:lpstr>
      <vt:lpstr>Exercise</vt:lpstr>
      <vt:lpstr>Exercise</vt:lpstr>
      <vt:lpstr>Want to Learn More? </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Huw Nicholls</dc:creator>
  <cp:lastModifiedBy>Nickrosz, Laura</cp:lastModifiedBy>
  <cp:revision>104</cp:revision>
  <dcterms:created xsi:type="dcterms:W3CDTF">2023-09-05T21:38:13Z</dcterms:created>
  <dcterms:modified xsi:type="dcterms:W3CDTF">2023-09-08T20:04:4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8-04T18:35:03</vt:lpwstr>
  </property>
  <property fmtid="{D5CDD505-2E9C-101B-9397-08002B2CF9AE}" pid="3" name="TemplafyTenantId">
    <vt:lpwstr>pennmedicine</vt:lpwstr>
  </property>
  <property fmtid="{D5CDD505-2E9C-101B-9397-08002B2CF9AE}" pid="4" name="TemplafyTemplateId">
    <vt:lpwstr>701925672330199040</vt:lpwstr>
  </property>
  <property fmtid="{D5CDD505-2E9C-101B-9397-08002B2CF9AE}" pid="5" name="TemplafyUserProfileId">
    <vt:lpwstr>637795163944027973</vt:lpwstr>
  </property>
  <property fmtid="{D5CDD505-2E9C-101B-9397-08002B2CF9AE}" pid="6" name="TemplafyFromBlank">
    <vt:bool>true</vt:bool>
  </property>
</Properties>
</file>